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1932" r:id="rId2"/>
    <p:sldId id="193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1C7DF"/>
    <a:srgbClr val="F7CF27"/>
    <a:srgbClr val="F3B02B"/>
    <a:srgbClr val="BDD38D"/>
    <a:srgbClr val="6C080A"/>
    <a:srgbClr val="B4C72B"/>
    <a:srgbClr val="BBCE2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D7AC3CCA-C797-4891-BE02-D94E43425B78}" styleName="Medium Styl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517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26" y="2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9D3912-DF53-4F58-89A2-741B06A01C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EC2E3C-D7D8-4DE7-8795-F9BD48D824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117BBE-A07E-4254-8B7F-3CA61EA26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FFA0A3-25B8-47A8-BC92-01306C4272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221C76-5986-40E4-8B29-0E0762BB6A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53324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85E6C-E658-479A-892D-2AEC46873B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303749-32CA-4174-98DC-11F7E8F8A69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6C43B1-36A3-4727-AF85-5786244BED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2D34C7-117A-478D-83C9-A349591E4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F04A-2C52-44C0-8F06-0DD928B75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81567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D7A6BB4-91D7-46FC-BB19-F460D38B40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29792C-DEAE-45C1-926E-3765E70D41A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40EC92-36E7-4E95-8BB3-337A9FFE3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B382B9-D6FB-4DE7-B2CB-952D97780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2AE399-1F90-4921-8474-DF9DE36EB8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06797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82EEEF-C97B-4FFB-B4B0-91287EA9A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E60020-0D49-4500-9A5B-58F48395B3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A65AAD-19B1-4C3B-84E3-5330B1DC4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68470A-B29D-4950-A6C3-BD5560DDF7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87FBFB-0E13-4538-AA5F-F30C235EF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9588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1B335-A825-4E51-8DF1-37CC9E4617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1BA70B-3774-48B4-B9EB-912D308EB3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05212A-E148-40E7-BBE8-81C38DBEDF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40049D-A359-4C17-84DA-80CE6463D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E3930B-804F-44A5-BA9C-7BCFDE6DB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35624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FBC5D-0440-4771-A1B2-CB91C9AD38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B5770A-03D9-4AA2-8553-21D52C991F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DA7B7B-FBB1-4B33-B08E-1A515DC0079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EBAA8E-CC0D-4143-AB2F-2602572EAB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FFBC2AC-EE2C-4D15-96BA-8A4795CFB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DC3AD9-A422-4507-BAD0-295EEC3888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47948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6AA398-A81A-4517-B545-1FCC6B7A02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7B526E-F700-4BAC-8A29-83B6911CC8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44C40-2869-4E9C-8F21-88B6C79A8D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DCA33B-D0E3-4819-85E0-D2C791154E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483F19-06AE-4BF9-8DAC-3D8523E0CC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69822C2-FDF3-4877-9969-EEE3EBAE8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9C8424-2D37-4017-A8BA-28C2A0277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708779-5DD1-449E-B75A-FDC489993B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10750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B9E243-CC84-49DF-A527-5760692288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ADF976-DEA5-493B-BEBE-4388E27DE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0ED3C75-B72E-4DFD-B4F1-283E03844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EF3D3E-0B9B-4647-B65A-BAE234FF68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30822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513C69-1A60-494F-95D4-EC2E9DBCD1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0E9EEC-CC0D-4A3E-8F62-5ECA12664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0A8FB-C828-4612-89EF-4C115EFE8F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10930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DEAD7E-BEDF-4DE2-BAA1-91D5B4D0C9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434507-2218-4A0A-8E23-E0934D5946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704D4C-02B6-4D47-AB98-EC819A0172F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11C4BB0-7ACF-4DD1-A98F-96B36B087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78962D-EF3A-4089-BD41-3472FAAED8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C74250-9DEF-4A15-8A11-2E69B3DEB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66216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CCED5E-9871-49BD-8253-ED88F3A1B0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E26734A-50CE-4CDD-A72F-F9C3284C526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AFAF2B-155A-4CE2-84D8-D419E815E01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7B48AD-FB08-46EC-9173-C3D952A31E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DF79D9-B229-4522-A7A6-8C5519798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56CF6A-74EA-486D-A463-3EEC3B1EF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87405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63DF1F-4DD0-4BFE-9743-CA950B315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92F950-88BD-45F2-BD08-27970FCCFEB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D9B3C3-ADE7-4664-98D3-1E7C8FAF413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984EB4-FE3C-4A79-9099-A6F0D3C45EA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698FF5-747D-44E7-B407-BF8567F188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79275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slideLayout" Target="../slideLayouts/slideLayout7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06845909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SL_811671ddb7d241b0ba8627afe998bfa5_BackgroundRectangle">
            <a:extLst>
              <a:ext uri="{FF2B5EF4-FFF2-40B4-BE49-F238E27FC236}">
                <a16:creationId xmlns:a16="http://schemas.microsoft.com/office/drawing/2014/main" id="{298D24E1-4C4C-4229-8CC7-E01D3729E78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00300"/>
            <a:ext cx="9906000" cy="1051221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OTLSHAPE_SL_d07cf2ad45c2447d81d223ab76c79030_BackgroundRectangle">
            <a:extLst>
              <a:ext uri="{FF2B5EF4-FFF2-40B4-BE49-F238E27FC236}">
                <a16:creationId xmlns:a16="http://schemas.microsoft.com/office/drawing/2014/main" id="{F0252740-6420-4EAB-9C85-5B3A8730F8D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515021"/>
            <a:ext cx="9906000" cy="83400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0" name="OTLSHAPE_SL_d3f2d2c81fda470fb1894ab567bcb37d_BackgroundRectangle">
            <a:extLst>
              <a:ext uri="{FF2B5EF4-FFF2-40B4-BE49-F238E27FC236}">
                <a16:creationId xmlns:a16="http://schemas.microsoft.com/office/drawing/2014/main" id="{920E08E1-D049-43CC-9B09-C4494A82B0D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412531"/>
            <a:ext cx="9906000" cy="1113875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19363ec892b2496385a39e70afc7fc12_BackgroundRectangle">
            <a:extLst>
              <a:ext uri="{FF2B5EF4-FFF2-40B4-BE49-F238E27FC236}">
                <a16:creationId xmlns:a16="http://schemas.microsoft.com/office/drawing/2014/main" id="{497AF4C2-2BA3-4399-89A7-F5AD136EE1B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589905"/>
            <a:ext cx="9906000" cy="587756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OTLSHAPE_SL2A_5a5796ddd68c43bc82efaf81844dacf9_BackgroundRectangle" hidden="1">
            <a:extLst>
              <a:ext uri="{FF2B5EF4-FFF2-40B4-BE49-F238E27FC236}">
                <a16:creationId xmlns:a16="http://schemas.microsoft.com/office/drawing/2014/main" id="{09A5EB73-0AFE-4397-BB19-1BCE575BEDB1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339765" y="2400300"/>
            <a:ext cx="8636000" cy="105122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2A_f594c7d0ea5b43d1beb559555057be97_BackgroundRectangle" hidden="1">
            <a:extLst>
              <a:ext uri="{FF2B5EF4-FFF2-40B4-BE49-F238E27FC236}">
                <a16:creationId xmlns:a16="http://schemas.microsoft.com/office/drawing/2014/main" id="{7D23DDD0-D84A-41EE-9A7D-7E2130DC5EC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339765" y="3515021"/>
            <a:ext cx="8636000" cy="83400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2A_e403755d626247b4a5e328f7cbecb154_BackgroundRectangle" hidden="1">
            <a:extLst>
              <a:ext uri="{FF2B5EF4-FFF2-40B4-BE49-F238E27FC236}">
                <a16:creationId xmlns:a16="http://schemas.microsoft.com/office/drawing/2014/main" id="{5A837FAF-7DB0-4F84-AC61-78D5472C97A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339765" y="4412531"/>
            <a:ext cx="8636000" cy="11138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2A_29644f1eb4ef417e87d54c68e5de6df2_BackgroundRectangle" hidden="1">
            <a:extLst>
              <a:ext uri="{FF2B5EF4-FFF2-40B4-BE49-F238E27FC236}">
                <a16:creationId xmlns:a16="http://schemas.microsoft.com/office/drawing/2014/main" id="{C83D326C-D0C8-414E-8910-1D64BF2BDB2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339765" y="5589905"/>
            <a:ext cx="8636000" cy="5877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0FD2BCEF-8F0E-4841-9D00-29BBEF228B3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57373B73-42F2-41EC-9B3E-8F8B2C7B317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28" name="OTLSHAPE_M_78f80ea12f334dce8c1c0bd38106cf5b_Connector1">
            <a:extLst>
              <a:ext uri="{FF2B5EF4-FFF2-40B4-BE49-F238E27FC236}">
                <a16:creationId xmlns:a16="http://schemas.microsoft.com/office/drawing/2014/main" id="{C121E5C9-92BA-4877-AF39-9EC9C750336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102119" y="1467781"/>
            <a:ext cx="0" cy="88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M_78f80ea12f334dce8c1c0bd38106cf5b_Connector2">
            <a:extLst>
              <a:ext uri="{FF2B5EF4-FFF2-40B4-BE49-F238E27FC236}">
                <a16:creationId xmlns:a16="http://schemas.microsoft.com/office/drawing/2014/main" id="{77B51AD5-AE79-4634-9368-082312C424D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102119" y="1727200"/>
            <a:ext cx="0" cy="1524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2EC7669-FE5A-407B-9683-6CA15E4E3AA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466765" y="1943100"/>
            <a:ext cx="85090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OTLSHAPE_SL_811671ddb7d241b0ba8627afe998bfa5_HeaderRectangle">
            <a:extLst>
              <a:ext uri="{FF2B5EF4-FFF2-40B4-BE49-F238E27FC236}">
                <a16:creationId xmlns:a16="http://schemas.microsoft.com/office/drawing/2014/main" id="{119A849F-CE02-4007-9902-D240289F8FC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400300"/>
            <a:ext cx="1282700" cy="1051221"/>
          </a:xfrm>
          <a:prstGeom prst="rect">
            <a:avLst/>
          </a:prstGeom>
          <a:solidFill>
            <a:srgbClr val="2F3699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OTLSHAPE_SL_d07cf2ad45c2447d81d223ab76c79030_HeaderRectangle">
            <a:extLst>
              <a:ext uri="{FF2B5EF4-FFF2-40B4-BE49-F238E27FC236}">
                <a16:creationId xmlns:a16="http://schemas.microsoft.com/office/drawing/2014/main" id="{52ABFD58-D441-47E6-B773-89A9A8F1CB4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515021"/>
            <a:ext cx="1282700" cy="834009"/>
          </a:xfrm>
          <a:prstGeom prst="rect">
            <a:avLst/>
          </a:prstGeom>
          <a:solidFill>
            <a:srgbClr val="6F3198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3f2d2c81fda470fb1894ab567bcb37d_HeaderRectangle">
            <a:extLst>
              <a:ext uri="{FF2B5EF4-FFF2-40B4-BE49-F238E27FC236}">
                <a16:creationId xmlns:a16="http://schemas.microsoft.com/office/drawing/2014/main" id="{070DC475-B8AE-48C5-ACBD-EFEBD5CE191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412531"/>
            <a:ext cx="1282700" cy="1113875"/>
          </a:xfrm>
          <a:prstGeom prst="rect">
            <a:avLst/>
          </a:prstGeom>
          <a:solidFill>
            <a:srgbClr val="1AAA42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19363ec892b2496385a39e70afc7fc12_HeaderRectangle">
            <a:extLst>
              <a:ext uri="{FF2B5EF4-FFF2-40B4-BE49-F238E27FC236}">
                <a16:creationId xmlns:a16="http://schemas.microsoft.com/office/drawing/2014/main" id="{ACC9A185-106B-483F-8B87-758F4695543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5589905"/>
            <a:ext cx="1282700" cy="587756"/>
          </a:xfrm>
          <a:prstGeom prst="rect">
            <a:avLst/>
          </a:prstGeom>
          <a:solidFill>
            <a:srgbClr val="0072BC">
              <a:alpha val="5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2A_5a5796ddd68c43bc82efaf81844dacf9_HeaderRectangle" hidden="1">
            <a:extLst>
              <a:ext uri="{FF2B5EF4-FFF2-40B4-BE49-F238E27FC236}">
                <a16:creationId xmlns:a16="http://schemas.microsoft.com/office/drawing/2014/main" id="{98FA108E-98D8-4CEE-B43E-98E295B666F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339765" y="240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SL2A_f594c7d0ea5b43d1beb559555057be97_HeaderRectangle" hidden="1">
            <a:extLst>
              <a:ext uri="{FF2B5EF4-FFF2-40B4-BE49-F238E27FC236}">
                <a16:creationId xmlns:a16="http://schemas.microsoft.com/office/drawing/2014/main" id="{A4DAA066-A095-40B7-823E-7B1E6AEAE87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339765" y="3515021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8" name="OTLSHAPE_SL2A_e403755d626247b4a5e328f7cbecb154_HeaderRectangle" hidden="1">
            <a:extLst>
              <a:ext uri="{FF2B5EF4-FFF2-40B4-BE49-F238E27FC236}">
                <a16:creationId xmlns:a16="http://schemas.microsoft.com/office/drawing/2014/main" id="{2F3D3377-225F-44F9-849F-5589E6F67DC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339765" y="4412531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2A_29644f1eb4ef417e87d54c68e5de6df2_HeaderRectangle" hidden="1">
            <a:extLst>
              <a:ext uri="{FF2B5EF4-FFF2-40B4-BE49-F238E27FC236}">
                <a16:creationId xmlns:a16="http://schemas.microsoft.com/office/drawing/2014/main" id="{06AEF70D-0E43-4CFB-BD71-6939B1A5A96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339765" y="558990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SLT_dde577c47e3946d79f230664cd0e40da_Shape">
            <a:extLst>
              <a:ext uri="{FF2B5EF4-FFF2-40B4-BE49-F238E27FC236}">
                <a16:creationId xmlns:a16="http://schemas.microsoft.com/office/drawing/2014/main" id="{AB936351-0B24-44C3-93E6-80FEF3F12BF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813560" y="2449788"/>
            <a:ext cx="698500" cy="155025"/>
          </a:xfrm>
          <a:prstGeom prst="round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T_fecd07c10c8345619758dd5890518f94_Shape">
            <a:extLst>
              <a:ext uri="{FF2B5EF4-FFF2-40B4-BE49-F238E27FC236}">
                <a16:creationId xmlns:a16="http://schemas.microsoft.com/office/drawing/2014/main" id="{75CD8829-02D5-4C3C-B66C-E71C03FB26F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680487" y="3250650"/>
            <a:ext cx="520700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T_416d2840aa4042eaba2c12bf6fc276f4_Shape">
            <a:extLst>
              <a:ext uri="{FF2B5EF4-FFF2-40B4-BE49-F238E27FC236}">
                <a16:creationId xmlns:a16="http://schemas.microsoft.com/office/drawing/2014/main" id="{F0FA34BA-ECE8-43AA-8275-519ADA4EEB6A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287438" y="3250650"/>
            <a:ext cx="533400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T_e6c6405dcdfc4983a95295b2bfd9f6a4_Shape">
            <a:extLst>
              <a:ext uri="{FF2B5EF4-FFF2-40B4-BE49-F238E27FC236}">
                <a16:creationId xmlns:a16="http://schemas.microsoft.com/office/drawing/2014/main" id="{14A903CD-D439-4F36-9D05-3983BB1B4B0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894328" y="3250650"/>
            <a:ext cx="444500" cy="155025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350187919c5c4920a40053e785e464b8_Shape">
            <a:extLst>
              <a:ext uri="{FF2B5EF4-FFF2-40B4-BE49-F238E27FC236}">
                <a16:creationId xmlns:a16="http://schemas.microsoft.com/office/drawing/2014/main" id="{2E534053-FDB7-495F-8F7C-DC05B6F0002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507149" y="3723640"/>
            <a:ext cx="12192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T_b8fc138c1d424d2281899572a6f56cba_Shape">
            <a:extLst>
              <a:ext uri="{FF2B5EF4-FFF2-40B4-BE49-F238E27FC236}">
                <a16:creationId xmlns:a16="http://schemas.microsoft.com/office/drawing/2014/main" id="{EA011EE0-5FC1-4AFC-B96C-D7608BFC39B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807630" y="3723640"/>
            <a:ext cx="3556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T_9818f144a2b04a44a496c765508b6d13_Shape">
            <a:extLst>
              <a:ext uri="{FF2B5EF4-FFF2-40B4-BE49-F238E27FC236}">
                <a16:creationId xmlns:a16="http://schemas.microsoft.com/office/drawing/2014/main" id="{BCA7871A-9B95-4A86-A01A-CD0E6BFE57B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414520" y="3932259"/>
            <a:ext cx="6096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T_75b6a46e8e64470b8a72dbe4e5a395c8_Shape">
            <a:extLst>
              <a:ext uri="{FF2B5EF4-FFF2-40B4-BE49-F238E27FC236}">
                <a16:creationId xmlns:a16="http://schemas.microsoft.com/office/drawing/2014/main" id="{386E82D0-B1E1-400A-B5D4-A623179062F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108110" y="3932259"/>
            <a:ext cx="838200" cy="155025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SLT_b754a5d9d5264429951f29b6aa977161_Shape">
            <a:extLst>
              <a:ext uri="{FF2B5EF4-FFF2-40B4-BE49-F238E27FC236}">
                <a16:creationId xmlns:a16="http://schemas.microsoft.com/office/drawing/2014/main" id="{4203682F-34C8-4AB4-95D8-AA969C76573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114040" y="4458377"/>
            <a:ext cx="10414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T_39e38b99839f4c0abd129428ed86d2fb_Shape">
            <a:extLst>
              <a:ext uri="{FF2B5EF4-FFF2-40B4-BE49-F238E27FC236}">
                <a16:creationId xmlns:a16="http://schemas.microsoft.com/office/drawing/2014/main" id="{9C164456-B2A8-4BFE-A780-970FB61DD40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200739" y="4908296"/>
            <a:ext cx="5334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SLT_40232906731e4a15aadef04ff2dcdb4e_Shape">
            <a:extLst>
              <a:ext uri="{FF2B5EF4-FFF2-40B4-BE49-F238E27FC236}">
                <a16:creationId xmlns:a16="http://schemas.microsoft.com/office/drawing/2014/main" id="{A8D2260D-905A-4F8F-8B5D-FDA13FD066B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200739" y="5116915"/>
            <a:ext cx="6985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165a9a198be34acf94aaba443ae68771_Shape">
            <a:extLst>
              <a:ext uri="{FF2B5EF4-FFF2-40B4-BE49-F238E27FC236}">
                <a16:creationId xmlns:a16="http://schemas.microsoft.com/office/drawing/2014/main" id="{EDFB6E08-30F0-47E9-8623-9612C21FA9F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327821" y="4458377"/>
            <a:ext cx="9652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T_021dba94ca1d402ca8c3c36fa4e0147e_Shape">
            <a:extLst>
              <a:ext uri="{FF2B5EF4-FFF2-40B4-BE49-F238E27FC236}">
                <a16:creationId xmlns:a16="http://schemas.microsoft.com/office/drawing/2014/main" id="{D1305BDD-BB55-419B-BB15-A935BA6AEA7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5271513" y="5798524"/>
            <a:ext cx="13081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c44e436f502f482f86d88856523f941f_Shape">
            <a:extLst>
              <a:ext uri="{FF2B5EF4-FFF2-40B4-BE49-F238E27FC236}">
                <a16:creationId xmlns:a16="http://schemas.microsoft.com/office/drawing/2014/main" id="{00275DC6-B06E-4D05-A0E4-0E6A53CEDC7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709010" y="5798524"/>
            <a:ext cx="8763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SLT_5fc32376036a46e382a0e3b49f411319_Shape">
            <a:extLst>
              <a:ext uri="{FF2B5EF4-FFF2-40B4-BE49-F238E27FC236}">
                <a16:creationId xmlns:a16="http://schemas.microsoft.com/office/drawing/2014/main" id="{BE0CCE96-0E9C-435A-85DC-6B2C8269BF4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662756" y="5798524"/>
            <a:ext cx="5334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T_07b939dcb9a54c21988fdd42564cd4d5_Shape">
            <a:extLst>
              <a:ext uri="{FF2B5EF4-FFF2-40B4-BE49-F238E27FC236}">
                <a16:creationId xmlns:a16="http://schemas.microsoft.com/office/drawing/2014/main" id="{0388EB68-9B3F-4A7A-8488-7E57FDA02EAB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581987" y="5798524"/>
            <a:ext cx="787400" cy="17051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T_811b26587292487195ae6cd3cd766028_Shape">
            <a:extLst>
              <a:ext uri="{FF2B5EF4-FFF2-40B4-BE49-F238E27FC236}">
                <a16:creationId xmlns:a16="http://schemas.microsoft.com/office/drawing/2014/main" id="{D2957944-2042-47B4-87A3-BD351E7A781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200739" y="5325533"/>
            <a:ext cx="3213100" cy="155025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4" name="OTLSHAPE_SLM_3e386387cc344cb29161a98d5a18194a_Shape">
            <a:extLst>
              <a:ext uri="{FF2B5EF4-FFF2-40B4-BE49-F238E27FC236}">
                <a16:creationId xmlns:a16="http://schemas.microsoft.com/office/drawing/2014/main" id="{8E430CBB-B0AE-4E98-898B-D1D1672C201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517588" y="2438400"/>
            <a:ext cx="152400" cy="177800"/>
          </a:xfrm>
          <a:prstGeom prst="chevron">
            <a:avLst>
              <a:gd name="adj" fmla="val 30000"/>
            </a:avLst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3D0087C-1A68-407B-81F4-6EF2244BA90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466765" y="194310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T_dde577c47e3946d79f230664cd0e40da_ShapePercentage" hidden="1">
            <a:extLst>
              <a:ext uri="{FF2B5EF4-FFF2-40B4-BE49-F238E27FC236}">
                <a16:creationId xmlns:a16="http://schemas.microsoft.com/office/drawing/2014/main" id="{4B9ACA48-FDF3-4AFA-B376-974BE85C8F59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813560" y="244978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T_fecd07c10c8345619758dd5890518f94_ShapePercentage" hidden="1">
            <a:extLst>
              <a:ext uri="{FF2B5EF4-FFF2-40B4-BE49-F238E27FC236}">
                <a16:creationId xmlns:a16="http://schemas.microsoft.com/office/drawing/2014/main" id="{EDFD9931-0636-49F1-82D8-D898E12872B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680487" y="325065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T_416d2840aa4042eaba2c12bf6fc276f4_ShapePercentage" hidden="1">
            <a:extLst>
              <a:ext uri="{FF2B5EF4-FFF2-40B4-BE49-F238E27FC236}">
                <a16:creationId xmlns:a16="http://schemas.microsoft.com/office/drawing/2014/main" id="{1E7B1469-2F36-4F59-86AB-669AF8855D16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287438" y="325065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SLT_e6c6405dcdfc4983a95295b2bfd9f6a4_ShapePercentage" hidden="1">
            <a:extLst>
              <a:ext uri="{FF2B5EF4-FFF2-40B4-BE49-F238E27FC236}">
                <a16:creationId xmlns:a16="http://schemas.microsoft.com/office/drawing/2014/main" id="{6B57EEB5-3D60-4995-9BA9-ACCA468CFF0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894328" y="325065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SLT_350187919c5c4920a40053e785e464b8_ShapePercentage" hidden="1">
            <a:extLst>
              <a:ext uri="{FF2B5EF4-FFF2-40B4-BE49-F238E27FC236}">
                <a16:creationId xmlns:a16="http://schemas.microsoft.com/office/drawing/2014/main" id="{D2CC8AA4-4F02-4ED1-9FCC-6B06460B906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507149" y="37236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SLT_b8fc138c1d424d2281899572a6f56cba_ShapePercentage" hidden="1">
            <a:extLst>
              <a:ext uri="{FF2B5EF4-FFF2-40B4-BE49-F238E27FC236}">
                <a16:creationId xmlns:a16="http://schemas.microsoft.com/office/drawing/2014/main" id="{DE2D5DB4-6E6D-49EC-9308-6349A3A92AE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807630" y="37236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SLT_9818f144a2b04a44a496c765508b6d13_ShapePercentage" hidden="1">
            <a:extLst>
              <a:ext uri="{FF2B5EF4-FFF2-40B4-BE49-F238E27FC236}">
                <a16:creationId xmlns:a16="http://schemas.microsoft.com/office/drawing/2014/main" id="{CE0365C1-96A7-45AD-B1D9-1368BEE09994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414520" y="393225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75b6a46e8e64470b8a72dbe4e5a395c8_ShapePercentage" hidden="1">
            <a:extLst>
              <a:ext uri="{FF2B5EF4-FFF2-40B4-BE49-F238E27FC236}">
                <a16:creationId xmlns:a16="http://schemas.microsoft.com/office/drawing/2014/main" id="{2A5C96CD-8BA8-4968-AF43-CC484F78D8D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108110" y="393225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T_b754a5d9d5264429951f29b6aa977161_ShapePercentage" hidden="1">
            <a:extLst>
              <a:ext uri="{FF2B5EF4-FFF2-40B4-BE49-F238E27FC236}">
                <a16:creationId xmlns:a16="http://schemas.microsoft.com/office/drawing/2014/main" id="{DE71951B-DE71-439E-8B50-666106E39803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114040" y="445837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SLT_165a9a198be34acf94aaba443ae68771_ShapePercentage" hidden="1">
            <a:extLst>
              <a:ext uri="{FF2B5EF4-FFF2-40B4-BE49-F238E27FC236}">
                <a16:creationId xmlns:a16="http://schemas.microsoft.com/office/drawing/2014/main" id="{418203EE-A4E1-40E7-8792-1646E4A95F8D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327821" y="445837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SLT_39e38b99839f4c0abd129428ed86d2fb_ShapePercentage" hidden="1">
            <a:extLst>
              <a:ext uri="{FF2B5EF4-FFF2-40B4-BE49-F238E27FC236}">
                <a16:creationId xmlns:a16="http://schemas.microsoft.com/office/drawing/2014/main" id="{D96435AB-173A-498C-A0A9-CCF4B51D6F68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200739" y="490829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3" name="OTLSHAPE_SLT_40232906731e4a15aadef04ff2dcdb4e_ShapePercentage" hidden="1">
            <a:extLst>
              <a:ext uri="{FF2B5EF4-FFF2-40B4-BE49-F238E27FC236}">
                <a16:creationId xmlns:a16="http://schemas.microsoft.com/office/drawing/2014/main" id="{1FDBCB2E-F56D-4D0E-8B1C-C48AA8D443B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200739" y="5116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1" name="OTLSHAPE_SLT_021dba94ca1d402ca8c3c36fa4e0147e_ShapePercentage" hidden="1">
            <a:extLst>
              <a:ext uri="{FF2B5EF4-FFF2-40B4-BE49-F238E27FC236}">
                <a16:creationId xmlns:a16="http://schemas.microsoft.com/office/drawing/2014/main" id="{BA66C30C-BA14-44F3-838F-F31C5384F5D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271513" y="579852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SLT_07b939dcb9a54c21988fdd42564cd4d5_ShapePercentage" hidden="1">
            <a:extLst>
              <a:ext uri="{FF2B5EF4-FFF2-40B4-BE49-F238E27FC236}">
                <a16:creationId xmlns:a16="http://schemas.microsoft.com/office/drawing/2014/main" id="{33BE96DF-E3D7-4E19-92DD-F54492062078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581987" y="579852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SLT_c44e436f502f482f86d88856523f941f_ShapePercentage" hidden="1">
            <a:extLst>
              <a:ext uri="{FF2B5EF4-FFF2-40B4-BE49-F238E27FC236}">
                <a16:creationId xmlns:a16="http://schemas.microsoft.com/office/drawing/2014/main" id="{49F79F09-4B73-426E-9652-654D66803E6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7709010" y="579852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1" name="OTLSHAPE_SLT_5fc32376036a46e382a0e3b49f411319_ShapePercentage" hidden="1">
            <a:extLst>
              <a:ext uri="{FF2B5EF4-FFF2-40B4-BE49-F238E27FC236}">
                <a16:creationId xmlns:a16="http://schemas.microsoft.com/office/drawing/2014/main" id="{8BABA0A8-946E-49A9-9C87-97765FE73C5B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662756" y="579852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SLM_519444654f27465bb7830666704d9616_Shape">
            <a:extLst>
              <a:ext uri="{FF2B5EF4-FFF2-40B4-BE49-F238E27FC236}">
                <a16:creationId xmlns:a16="http://schemas.microsoft.com/office/drawing/2014/main" id="{08C1081A-32A8-4DEF-A087-84C2CC26E3F6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flipV="1">
            <a:off x="2344191" y="2838831"/>
            <a:ext cx="152400" cy="1778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M_012553d16a8f49468877affe101e3783_Shape">
            <a:extLst>
              <a:ext uri="{FF2B5EF4-FFF2-40B4-BE49-F238E27FC236}">
                <a16:creationId xmlns:a16="http://schemas.microsoft.com/office/drawing/2014/main" id="{747F124A-825B-4225-85D5-5052D9C35E3C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858452" y="4133131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SLM_bf5d6b3cb534452a8ff46167520bc363_Shape">
            <a:extLst>
              <a:ext uri="{FF2B5EF4-FFF2-40B4-BE49-F238E27FC236}">
                <a16:creationId xmlns:a16="http://schemas.microsoft.com/office/drawing/2014/main" id="{9F596533-D1E6-4CD0-A0D1-85F631D0EC9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205247" y="4659249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T_811b26587292487195ae6cd3cd766028_ShapePercentage" hidden="1">
            <a:extLst>
              <a:ext uri="{FF2B5EF4-FFF2-40B4-BE49-F238E27FC236}">
                <a16:creationId xmlns:a16="http://schemas.microsoft.com/office/drawing/2014/main" id="{69DFE4B2-307D-429C-A677-6F7BDE89FAF1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200739" y="532553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_811671ddb7d241b0ba8627afe998bfa5_Header">
            <a:extLst>
              <a:ext uri="{FF2B5EF4-FFF2-40B4-BE49-F238E27FC236}">
                <a16:creationId xmlns:a16="http://schemas.microsoft.com/office/drawing/2014/main" id="{FB18BC6A-89BE-4210-811B-8BC6D176B2B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2739856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Business Impact Analysis </a:t>
            </a:r>
          </a:p>
        </p:txBody>
      </p:sp>
      <p:sp>
        <p:nvSpPr>
          <p:cNvPr id="19" name="OTLSHAPE_SL_d07cf2ad45c2447d81d223ab76c79030_Header">
            <a:extLst>
              <a:ext uri="{FF2B5EF4-FFF2-40B4-BE49-F238E27FC236}">
                <a16:creationId xmlns:a16="http://schemas.microsoft.com/office/drawing/2014/main" id="{3A1189C1-AD86-44F3-950D-BDC229D832C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3745971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Recovery</a:t>
            </a:r>
          </a:p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Strategies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_d3f2d2c81fda470fb1894ab567bcb37d_Header">
            <a:extLst>
              <a:ext uri="{FF2B5EF4-FFF2-40B4-BE49-F238E27FC236}">
                <a16:creationId xmlns:a16="http://schemas.microsoft.com/office/drawing/2014/main" id="{BCAD4F2C-3495-40C0-8C56-E633A387111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4783413"/>
            <a:ext cx="1282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Plan</a:t>
            </a:r>
          </a:p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  <a:endParaRPr lang="en-US" sz="12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_19363ec892b2496385a39e70afc7fc12_Header">
            <a:extLst>
              <a:ext uri="{FF2B5EF4-FFF2-40B4-BE49-F238E27FC236}">
                <a16:creationId xmlns:a16="http://schemas.microsoft.com/office/drawing/2014/main" id="{1AD3D5E8-5C11-4953-882C-4BEBA09A94F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5790756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Testing &amp; Exercise</a:t>
            </a:r>
          </a:p>
        </p:txBody>
      </p:sp>
      <p:sp>
        <p:nvSpPr>
          <p:cNvPr id="26" name="OTLSHAPE_SL2A_5a5796ddd68c43bc82efaf81844dacf9_Header" hidden="1">
            <a:extLst>
              <a:ext uri="{FF2B5EF4-FFF2-40B4-BE49-F238E27FC236}">
                <a16:creationId xmlns:a16="http://schemas.microsoft.com/office/drawing/2014/main" id="{93FE2154-02E4-459C-9A59-AE53EC9798B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2A_f594c7d0ea5b43d1beb559555057be97_Header" hidden="1">
            <a:extLst>
              <a:ext uri="{FF2B5EF4-FFF2-40B4-BE49-F238E27FC236}">
                <a16:creationId xmlns:a16="http://schemas.microsoft.com/office/drawing/2014/main" id="{F53D2AAA-F194-430B-9AF9-6AE6D015BD2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2A_e403755d626247b4a5e328f7cbecb154_Header" hidden="1">
            <a:extLst>
              <a:ext uri="{FF2B5EF4-FFF2-40B4-BE49-F238E27FC236}">
                <a16:creationId xmlns:a16="http://schemas.microsoft.com/office/drawing/2014/main" id="{B777751D-D0B1-423D-8A80-84417766DCC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SL2A_29644f1eb4ef417e87d54c68e5de6df2_Header" hidden="1">
            <a:extLst>
              <a:ext uri="{FF2B5EF4-FFF2-40B4-BE49-F238E27FC236}">
                <a16:creationId xmlns:a16="http://schemas.microsoft.com/office/drawing/2014/main" id="{3A1A266D-5BD4-489B-931D-A4CFD1B52C7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CF06B402-8705-4A42-A007-50E0371B6D6A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430480" y="21971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4D88E5A-4D3B-473C-86A0-9BA254BDBDE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530265" y="1977073"/>
            <a:ext cx="46884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C63241A-1FD5-4B5A-B395-09FE15B7824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744047" y="1977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563B88AA-676D-40B4-B289-D807ABCA67B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957828" y="1977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DC8A647D-76A5-4393-AF47-2683B184A88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171610" y="1977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32" name="OTLSHAPE_SLT_dde577c47e3946d79f230664cd0e40da_Duration">
            <a:extLst>
              <a:ext uri="{FF2B5EF4-FFF2-40B4-BE49-F238E27FC236}">
                <a16:creationId xmlns:a16="http://schemas.microsoft.com/office/drawing/2014/main" id="{62DFCBE8-2C20-4305-B23C-0EFA09C7D9F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998209" y="24497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37" name="OTLSHAPE_SLT_dde577c47e3946d79f230664cd0e40da_Title">
            <a:extLst>
              <a:ext uri="{FF2B5EF4-FFF2-40B4-BE49-F238E27FC236}">
                <a16:creationId xmlns:a16="http://schemas.microsoft.com/office/drawing/2014/main" id="{6F0D6130-719E-436A-AFAE-24EFF2506E1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813560" y="2604812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evelop Questionnaire</a:t>
            </a:r>
          </a:p>
        </p:txBody>
      </p:sp>
      <p:sp>
        <p:nvSpPr>
          <p:cNvPr id="42" name="OTLSHAPE_SLM_3e386387cc344cb29161a98d5a18194a_Title">
            <a:extLst>
              <a:ext uri="{FF2B5EF4-FFF2-40B4-BE49-F238E27FC236}">
                <a16:creationId xmlns:a16="http://schemas.microsoft.com/office/drawing/2014/main" id="{A38AE4DE-5E20-4785-A02A-958F4D11BDB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720788" y="2442041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Send out questionnaire</a:t>
            </a:r>
          </a:p>
        </p:txBody>
      </p:sp>
      <p:sp>
        <p:nvSpPr>
          <p:cNvPr id="46" name="OTLSHAPE_SLT_fecd07c10c8345619758dd5890518f94_Duration">
            <a:extLst>
              <a:ext uri="{FF2B5EF4-FFF2-40B4-BE49-F238E27FC236}">
                <a16:creationId xmlns:a16="http://schemas.microsoft.com/office/drawing/2014/main" id="{3A58DCD8-592A-4618-BB1A-66617B96463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778467" y="32506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1" name="OTLSHAPE_SLT_fecd07c10c8345619758dd5890518f94_Title">
            <a:extLst>
              <a:ext uri="{FF2B5EF4-FFF2-40B4-BE49-F238E27FC236}">
                <a16:creationId xmlns:a16="http://schemas.microsoft.com/office/drawing/2014/main" id="{145074D8-CFA8-4473-9C03-97E8B60C5682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835048" y="3242903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Receive forms</a:t>
            </a:r>
          </a:p>
        </p:txBody>
      </p:sp>
      <p:sp>
        <p:nvSpPr>
          <p:cNvPr id="54" name="OTLSHAPE_SLT_416d2840aa4042eaba2c12bf6fc276f4_Duration">
            <a:extLst>
              <a:ext uri="{FF2B5EF4-FFF2-40B4-BE49-F238E27FC236}">
                <a16:creationId xmlns:a16="http://schemas.microsoft.com/office/drawing/2014/main" id="{FED59162-C297-49E0-A845-A62DD761A03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386592" y="32506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59" name="OTLSHAPE_SLT_416d2840aa4042eaba2c12bf6fc276f4_Title">
            <a:extLst>
              <a:ext uri="{FF2B5EF4-FFF2-40B4-BE49-F238E27FC236}">
                <a16:creationId xmlns:a16="http://schemas.microsoft.com/office/drawing/2014/main" id="{E30B5C0E-9DB7-410E-8245-79CBBBDA9E7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287438" y="3080131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Review forms</a:t>
            </a:r>
          </a:p>
        </p:txBody>
      </p:sp>
      <p:sp>
        <p:nvSpPr>
          <p:cNvPr id="62" name="OTLSHAPE_SLT_e6c6405dcdfc4983a95295b2bfd9f6a4_Duration">
            <a:extLst>
              <a:ext uri="{FF2B5EF4-FFF2-40B4-BE49-F238E27FC236}">
                <a16:creationId xmlns:a16="http://schemas.microsoft.com/office/drawing/2014/main" id="{194F49FA-5B20-49CE-BDF3-7FB5BF8E69D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949983" y="32506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67" name="OTLSHAPE_SLT_e6c6405dcdfc4983a95295b2bfd9f6a4_Title">
            <a:extLst>
              <a:ext uri="{FF2B5EF4-FFF2-40B4-BE49-F238E27FC236}">
                <a16:creationId xmlns:a16="http://schemas.microsoft.com/office/drawing/2014/main" id="{31485E29-1068-46FF-9F43-E4111291576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380669" y="324290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Follow-up interviews</a:t>
            </a:r>
          </a:p>
        </p:txBody>
      </p:sp>
      <p:sp>
        <p:nvSpPr>
          <p:cNvPr id="70" name="OTLSHAPE_SLT_350187919c5c4920a40053e785e464b8_Duration">
            <a:extLst>
              <a:ext uri="{FF2B5EF4-FFF2-40B4-BE49-F238E27FC236}">
                <a16:creationId xmlns:a16="http://schemas.microsoft.com/office/drawing/2014/main" id="{566C6D32-194E-4B17-83D8-060DB981274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920453" y="372364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5" name="OTLSHAPE_SLT_350187919c5c4920a40053e785e464b8_Title">
            <a:extLst>
              <a:ext uri="{FF2B5EF4-FFF2-40B4-BE49-F238E27FC236}">
                <a16:creationId xmlns:a16="http://schemas.microsoft.com/office/drawing/2014/main" id="{0BC79BBB-69A0-4282-BADC-27AC3997308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507149" y="3553121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ocument requirements</a:t>
            </a:r>
          </a:p>
        </p:txBody>
      </p:sp>
      <p:sp>
        <p:nvSpPr>
          <p:cNvPr id="78" name="OTLSHAPE_SLT_b8fc138c1d424d2281899572a6f56cba_Duration">
            <a:extLst>
              <a:ext uri="{FF2B5EF4-FFF2-40B4-BE49-F238E27FC236}">
                <a16:creationId xmlns:a16="http://schemas.microsoft.com/office/drawing/2014/main" id="{72C16B90-845E-4367-881F-D063B18B5E5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819935" y="372364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83" name="OTLSHAPE_SLT_b8fc138c1d424d2281899572a6f56cba_Title">
            <a:extLst>
              <a:ext uri="{FF2B5EF4-FFF2-40B4-BE49-F238E27FC236}">
                <a16:creationId xmlns:a16="http://schemas.microsoft.com/office/drawing/2014/main" id="{9F4D962F-93BB-441A-98F6-45978720303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207271" y="3715893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dirty="0">
                <a:solidFill>
                  <a:schemeClr val="dk1"/>
                </a:solidFill>
                <a:latin typeface="Calibri" panose="020F0502020204030204" pitchFamily="34" charset="0"/>
              </a:rPr>
              <a:t>Conduct gap analysis</a:t>
            </a:r>
          </a:p>
        </p:txBody>
      </p:sp>
      <p:sp>
        <p:nvSpPr>
          <p:cNvPr id="86" name="OTLSHAPE_SLT_9818f144a2b04a44a496c765508b6d13_Duration">
            <a:extLst>
              <a:ext uri="{FF2B5EF4-FFF2-40B4-BE49-F238E27FC236}">
                <a16:creationId xmlns:a16="http://schemas.microsoft.com/office/drawing/2014/main" id="{D4B71140-962E-404C-8182-796D133D3CD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554315" y="393225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9818f144a2b04a44a496c765508b6d13_Title">
            <a:extLst>
              <a:ext uri="{FF2B5EF4-FFF2-40B4-BE49-F238E27FC236}">
                <a16:creationId xmlns:a16="http://schemas.microsoft.com/office/drawing/2014/main" id="{F371D199-B56F-41C9-859B-423EDE3F365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837053" y="3924512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Explore recovery strategies</a:t>
            </a:r>
          </a:p>
        </p:txBody>
      </p:sp>
      <p:sp>
        <p:nvSpPr>
          <p:cNvPr id="97" name="OTLSHAPE_SLT_75b6a46e8e64470b8a72dbe4e5a395c8_Duration">
            <a:extLst>
              <a:ext uri="{FF2B5EF4-FFF2-40B4-BE49-F238E27FC236}">
                <a16:creationId xmlns:a16="http://schemas.microsoft.com/office/drawing/2014/main" id="{830E7045-B8D4-4510-8FC1-D56BDC7D387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314593" y="393225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6.6 days</a:t>
            </a:r>
          </a:p>
        </p:txBody>
      </p:sp>
      <p:sp>
        <p:nvSpPr>
          <p:cNvPr id="102" name="OTLSHAPE_SLT_75b6a46e8e64470b8a72dbe4e5a395c8_Title">
            <a:extLst>
              <a:ext uri="{FF2B5EF4-FFF2-40B4-BE49-F238E27FC236}">
                <a16:creationId xmlns:a16="http://schemas.microsoft.com/office/drawing/2014/main" id="{5BF9C957-E03B-4743-8C1E-4E8EB46987E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992542" y="3924512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Implement recovery strategy</a:t>
            </a:r>
          </a:p>
        </p:txBody>
      </p:sp>
      <p:sp>
        <p:nvSpPr>
          <p:cNvPr id="105" name="OTLSHAPE_SLT_b754a5d9d5264429951f29b6aa977161_Duration">
            <a:extLst>
              <a:ext uri="{FF2B5EF4-FFF2-40B4-BE49-F238E27FC236}">
                <a16:creationId xmlns:a16="http://schemas.microsoft.com/office/drawing/2014/main" id="{F0B037A1-0B8F-41E0-A984-022C5040A55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469949" y="44583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10" name="OTLSHAPE_SLT_b754a5d9d5264429951f29b6aa977161_Title">
            <a:extLst>
              <a:ext uri="{FF2B5EF4-FFF2-40B4-BE49-F238E27FC236}">
                <a16:creationId xmlns:a16="http://schemas.microsoft.com/office/drawing/2014/main" id="{08A5F365-28F9-4C18-B7F8-DDCBCFB5E11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668949" y="4450631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Develop plan framework</a:t>
            </a:r>
          </a:p>
        </p:txBody>
      </p:sp>
      <p:sp>
        <p:nvSpPr>
          <p:cNvPr id="121" name="OTLSHAPE_SLT_39e38b99839f4c0abd129428ed86d2fb_Duration">
            <a:extLst>
              <a:ext uri="{FF2B5EF4-FFF2-40B4-BE49-F238E27FC236}">
                <a16:creationId xmlns:a16="http://schemas.microsoft.com/office/drawing/2014/main" id="{1DB5D4A4-9216-4D6B-9B54-AFA92E883B5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300104" y="490829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26" name="OTLSHAPE_SLT_39e38b99839f4c0abd129428ed86d2fb_Title">
            <a:extLst>
              <a:ext uri="{FF2B5EF4-FFF2-40B4-BE49-F238E27FC236}">
                <a16:creationId xmlns:a16="http://schemas.microsoft.com/office/drawing/2014/main" id="{237D020D-C551-48B6-966E-71C7D21E798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2222077" y="4900549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Relocation Plans</a:t>
            </a:r>
          </a:p>
        </p:txBody>
      </p:sp>
      <p:sp>
        <p:nvSpPr>
          <p:cNvPr id="129" name="OTLSHAPE_SLT_40232906731e4a15aadef04ff2dcdb4e_Duration">
            <a:extLst>
              <a:ext uri="{FF2B5EF4-FFF2-40B4-BE49-F238E27FC236}">
                <a16:creationId xmlns:a16="http://schemas.microsoft.com/office/drawing/2014/main" id="{A4DA86E1-C085-4F79-946D-0C5C94D8A8A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385629" y="511691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34" name="OTLSHAPE_SLT_40232906731e4a15aadef04ff2dcdb4e_Title">
            <a:extLst>
              <a:ext uri="{FF2B5EF4-FFF2-40B4-BE49-F238E27FC236}">
                <a16:creationId xmlns:a16="http://schemas.microsoft.com/office/drawing/2014/main" id="{5D2DCE22-2ED5-4C4F-BBA5-42BD70E581F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771311" y="5109168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IT disaster recovery plan</a:t>
            </a:r>
            <a:endParaRPr lang="en-US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165a9a198be34acf94aaba443ae68771_Duration">
            <a:extLst>
              <a:ext uri="{FF2B5EF4-FFF2-40B4-BE49-F238E27FC236}">
                <a16:creationId xmlns:a16="http://schemas.microsoft.com/office/drawing/2014/main" id="{B76E9FCE-56AB-4155-ACEA-79D6E42C97E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643603" y="44583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42" name="OTLSHAPE_SLT_165a9a198be34acf94aaba443ae68771_Title">
            <a:extLst>
              <a:ext uri="{FF2B5EF4-FFF2-40B4-BE49-F238E27FC236}">
                <a16:creationId xmlns:a16="http://schemas.microsoft.com/office/drawing/2014/main" id="{3B572B34-60CD-4785-87DB-871802BD32A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334414" y="4450631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Document procedures </a:t>
            </a:r>
          </a:p>
        </p:txBody>
      </p:sp>
      <p:sp>
        <p:nvSpPr>
          <p:cNvPr id="148" name="OTLSHAPE_SLT_021dba94ca1d402ca8c3c36fa4e0147e_Duration">
            <a:extLst>
              <a:ext uri="{FF2B5EF4-FFF2-40B4-BE49-F238E27FC236}">
                <a16:creationId xmlns:a16="http://schemas.microsoft.com/office/drawing/2014/main" id="{DB7B64F5-25DB-48EE-ADF5-36F01D81025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727292" y="580627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53" name="OTLSHAPE_SLT_021dba94ca1d402ca8c3c36fa4e0147e_Title">
            <a:extLst>
              <a:ext uri="{FF2B5EF4-FFF2-40B4-BE49-F238E27FC236}">
                <a16:creationId xmlns:a16="http://schemas.microsoft.com/office/drawing/2014/main" id="{FAAA3EAF-B46A-4216-9961-CC9190C5E6C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861389" y="5798524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Requirements discovery</a:t>
            </a:r>
          </a:p>
        </p:txBody>
      </p:sp>
      <p:sp>
        <p:nvSpPr>
          <p:cNvPr id="165" name="OTLSHAPE_SLT_c44e436f502f482f86d88856523f941f_Duration">
            <a:extLst>
              <a:ext uri="{FF2B5EF4-FFF2-40B4-BE49-F238E27FC236}">
                <a16:creationId xmlns:a16="http://schemas.microsoft.com/office/drawing/2014/main" id="{5D1991E8-9B88-4168-8457-554E63897D3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979484" y="580627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8 days</a:t>
            </a:r>
            <a:endParaRPr lang="en-US" sz="10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c44e436f502f482f86d88856523f941f_Title">
            <a:extLst>
              <a:ext uri="{FF2B5EF4-FFF2-40B4-BE49-F238E27FC236}">
                <a16:creationId xmlns:a16="http://schemas.microsoft.com/office/drawing/2014/main" id="{EAB6F43A-2683-48A3-BD9D-7E097FE6044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709010" y="5628005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Document test results</a:t>
            </a:r>
          </a:p>
        </p:txBody>
      </p:sp>
      <p:sp>
        <p:nvSpPr>
          <p:cNvPr id="173" name="OTLSHAPE_SLT_5fc32376036a46e382a0e3b49f411319_Duration">
            <a:extLst>
              <a:ext uri="{FF2B5EF4-FFF2-40B4-BE49-F238E27FC236}">
                <a16:creationId xmlns:a16="http://schemas.microsoft.com/office/drawing/2014/main" id="{DDCB96FA-D433-42A9-85D6-6CD8A3470A1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762121" y="580627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78" name="OTLSHAPE_SLT_5fc32376036a46e382a0e3b49f411319_Title">
            <a:extLst>
              <a:ext uri="{FF2B5EF4-FFF2-40B4-BE49-F238E27FC236}">
                <a16:creationId xmlns:a16="http://schemas.microsoft.com/office/drawing/2014/main" id="{30840314-1795-4D33-BE82-5F0BD0909F5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662756" y="5969043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Update BC plan </a:t>
            </a:r>
          </a:p>
        </p:txBody>
      </p:sp>
      <p:sp>
        <p:nvSpPr>
          <p:cNvPr id="186" name="OTLSHAPE_SLT_07b939dcb9a54c21988fdd42564cd4d5_Duration">
            <a:extLst>
              <a:ext uri="{FF2B5EF4-FFF2-40B4-BE49-F238E27FC236}">
                <a16:creationId xmlns:a16="http://schemas.microsoft.com/office/drawing/2014/main" id="{98EFFEBC-BF53-4485-8308-F8EDF3DA064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809113" y="580627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90" name="OTLSHAPE_SLT_07b939dcb9a54c21988fdd42564cd4d5_Title">
            <a:extLst>
              <a:ext uri="{FF2B5EF4-FFF2-40B4-BE49-F238E27FC236}">
                <a16:creationId xmlns:a16="http://schemas.microsoft.com/office/drawing/2014/main" id="{C4D6F257-92EE-4DC1-BBE5-C3797A3C2E8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581987" y="596904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6" dirty="0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</a:p>
        </p:txBody>
      </p:sp>
      <p:sp>
        <p:nvSpPr>
          <p:cNvPr id="198" name="OTLSHAPE_TB_00000000000000000000000000000000_TimescaleInterval5">
            <a:extLst>
              <a:ext uri="{FF2B5EF4-FFF2-40B4-BE49-F238E27FC236}">
                <a16:creationId xmlns:a16="http://schemas.microsoft.com/office/drawing/2014/main" id="{8E53EE77-0743-463B-B77D-F8682EB7218C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385391" y="19770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99" name="OTLSHAPE_TB_00000000000000000000000000000000_TimescaleInterval6">
            <a:extLst>
              <a:ext uri="{FF2B5EF4-FFF2-40B4-BE49-F238E27FC236}">
                <a16:creationId xmlns:a16="http://schemas.microsoft.com/office/drawing/2014/main" id="{22498FEF-3FB8-4445-BF6D-430AD9D8946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599173" y="19770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00" name="OTLSHAPE_TB_00000000000000000000000000000000_TimescaleInterval7">
            <a:extLst>
              <a:ext uri="{FF2B5EF4-FFF2-40B4-BE49-F238E27FC236}">
                <a16:creationId xmlns:a16="http://schemas.microsoft.com/office/drawing/2014/main" id="{A18E4559-075A-4069-BECF-4FC1686EB7C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812954" y="19770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ScaleMarking1">
            <a:extLst>
              <a:ext uri="{FF2B5EF4-FFF2-40B4-BE49-F238E27FC236}">
                <a16:creationId xmlns:a16="http://schemas.microsoft.com/office/drawing/2014/main" id="{136B6610-3FF4-4529-8AF8-09423E49DA6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530265" y="17570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8F50D332-50BD-44B5-83B8-AFBBBD51906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4" name="OTLSHAPE_SLT_dde577c47e3946d79f230664cd0e40da_TextPercentage" hidden="1">
            <a:extLst>
              <a:ext uri="{FF2B5EF4-FFF2-40B4-BE49-F238E27FC236}">
                <a16:creationId xmlns:a16="http://schemas.microsoft.com/office/drawing/2014/main" id="{8C2554A2-D96E-400B-9B2F-99E2B608F2A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dde577c47e3946d79f230664cd0e40da_JoinedDate" hidden="1">
            <a:extLst>
              <a:ext uri="{FF2B5EF4-FFF2-40B4-BE49-F238E27FC236}">
                <a16:creationId xmlns:a16="http://schemas.microsoft.com/office/drawing/2014/main" id="{EB88A5D4-811C-418F-8018-526E7507791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695186"/>
            <a:ext cx="850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4 - Mar 31</a:t>
            </a:r>
          </a:p>
        </p:txBody>
      </p:sp>
      <p:sp>
        <p:nvSpPr>
          <p:cNvPr id="36" name="OTLSHAPE_SLT_dde577c47e3946d79f230664cd0e40da_StartDate" hidden="1">
            <a:extLst>
              <a:ext uri="{FF2B5EF4-FFF2-40B4-BE49-F238E27FC236}">
                <a16:creationId xmlns:a16="http://schemas.microsoft.com/office/drawing/2014/main" id="{C6C1FF69-4584-4B58-B6AE-1EDB6195D89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dde577c47e3946d79f230664cd0e40da_EndDate" hidden="1">
            <a:extLst>
              <a:ext uri="{FF2B5EF4-FFF2-40B4-BE49-F238E27FC236}">
                <a16:creationId xmlns:a16="http://schemas.microsoft.com/office/drawing/2014/main" id="{B1DF2514-86B1-4535-9700-22DFBEF2EAA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M_3e386387cc344cb29161a98d5a18194a_Date" hidden="1">
            <a:extLst>
              <a:ext uri="{FF2B5EF4-FFF2-40B4-BE49-F238E27FC236}">
                <a16:creationId xmlns:a16="http://schemas.microsoft.com/office/drawing/2014/main" id="{F3371C85-3336-40C3-9FB6-EE394314867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48" name="OTLSHAPE_SLT_fecd07c10c8345619758dd5890518f94_TextPercentage" hidden="1">
            <a:extLst>
              <a:ext uri="{FF2B5EF4-FFF2-40B4-BE49-F238E27FC236}">
                <a16:creationId xmlns:a16="http://schemas.microsoft.com/office/drawing/2014/main" id="{43E214A8-B9AA-4E26-B383-DA33DBD2D91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fecd07c10c8345619758dd5890518f94_JoinedDate" hidden="1">
            <a:extLst>
              <a:ext uri="{FF2B5EF4-FFF2-40B4-BE49-F238E27FC236}">
                <a16:creationId xmlns:a16="http://schemas.microsoft.com/office/drawing/2014/main" id="{292333D2-689A-43BE-A1B6-C840D77E5D2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Apr 8</a:t>
            </a:r>
          </a:p>
        </p:txBody>
      </p:sp>
      <p:sp>
        <p:nvSpPr>
          <p:cNvPr id="50" name="OTLSHAPE_SLT_fecd07c10c8345619758dd5890518f94_StartDate" hidden="1">
            <a:extLst>
              <a:ext uri="{FF2B5EF4-FFF2-40B4-BE49-F238E27FC236}">
                <a16:creationId xmlns:a16="http://schemas.microsoft.com/office/drawing/2014/main" id="{2E9ED495-6FE1-496C-80EA-DB8BD8A5D5E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fecd07c10c8345619758dd5890518f94_EndDate" hidden="1">
            <a:extLst>
              <a:ext uri="{FF2B5EF4-FFF2-40B4-BE49-F238E27FC236}">
                <a16:creationId xmlns:a16="http://schemas.microsoft.com/office/drawing/2014/main" id="{915AD665-B290-437D-840C-6A648949410E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416d2840aa4042eaba2c12bf6fc276f4_TextPercentage" hidden="1">
            <a:extLst>
              <a:ext uri="{FF2B5EF4-FFF2-40B4-BE49-F238E27FC236}">
                <a16:creationId xmlns:a16="http://schemas.microsoft.com/office/drawing/2014/main" id="{3E1ABF0F-302E-45C1-81E2-E8827A56FD4D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416d2840aa4042eaba2c12bf6fc276f4_JoinedDate" hidden="1">
            <a:extLst>
              <a:ext uri="{FF2B5EF4-FFF2-40B4-BE49-F238E27FC236}">
                <a16:creationId xmlns:a16="http://schemas.microsoft.com/office/drawing/2014/main" id="{E68ACF40-6A74-4F55-A75E-82E51BFDE60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0 - Apr 16</a:t>
            </a:r>
          </a:p>
        </p:txBody>
      </p:sp>
      <p:sp>
        <p:nvSpPr>
          <p:cNvPr id="58" name="OTLSHAPE_SLT_416d2840aa4042eaba2c12bf6fc276f4_StartDate" hidden="1">
            <a:extLst>
              <a:ext uri="{FF2B5EF4-FFF2-40B4-BE49-F238E27FC236}">
                <a16:creationId xmlns:a16="http://schemas.microsoft.com/office/drawing/2014/main" id="{110BA60D-ADBB-4BBE-A66E-2144D5C03AB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416d2840aa4042eaba2c12bf6fc276f4_EndDate" hidden="1">
            <a:extLst>
              <a:ext uri="{FF2B5EF4-FFF2-40B4-BE49-F238E27FC236}">
                <a16:creationId xmlns:a16="http://schemas.microsoft.com/office/drawing/2014/main" id="{0711CDA0-645F-472B-B9FB-890359AC223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e6c6405dcdfc4983a95295b2bfd9f6a4_TextPercentage" hidden="1">
            <a:extLst>
              <a:ext uri="{FF2B5EF4-FFF2-40B4-BE49-F238E27FC236}">
                <a16:creationId xmlns:a16="http://schemas.microsoft.com/office/drawing/2014/main" id="{E89ACB51-40DB-4033-864F-26A6A65D3001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e6c6405dcdfc4983a95295b2bfd9f6a4_JoinedDate" hidden="1">
            <a:extLst>
              <a:ext uri="{FF2B5EF4-FFF2-40B4-BE49-F238E27FC236}">
                <a16:creationId xmlns:a16="http://schemas.microsoft.com/office/drawing/2014/main" id="{C79FD233-5C02-48EF-A8BD-A6EE533220E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7 - Apr 22</a:t>
            </a:r>
          </a:p>
        </p:txBody>
      </p:sp>
      <p:sp>
        <p:nvSpPr>
          <p:cNvPr id="66" name="OTLSHAPE_SLT_e6c6405dcdfc4983a95295b2bfd9f6a4_StartDate" hidden="1">
            <a:extLst>
              <a:ext uri="{FF2B5EF4-FFF2-40B4-BE49-F238E27FC236}">
                <a16:creationId xmlns:a16="http://schemas.microsoft.com/office/drawing/2014/main" id="{A7CC65C4-7271-44BE-A917-837DCAD8F94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e6c6405dcdfc4983a95295b2bfd9f6a4_EndDate" hidden="1">
            <a:extLst>
              <a:ext uri="{FF2B5EF4-FFF2-40B4-BE49-F238E27FC236}">
                <a16:creationId xmlns:a16="http://schemas.microsoft.com/office/drawing/2014/main" id="{920648B2-77C4-4D9B-87C6-761E3C96441A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350187919c5c4920a40053e785e464b8_TextPercentage" hidden="1">
            <a:extLst>
              <a:ext uri="{FF2B5EF4-FFF2-40B4-BE49-F238E27FC236}">
                <a16:creationId xmlns:a16="http://schemas.microsoft.com/office/drawing/2014/main" id="{288303FC-7414-4F6F-82E4-44EDA640F0F9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350187919c5c4920a40053e785e464b8_JoinedDate" hidden="1">
            <a:extLst>
              <a:ext uri="{FF2B5EF4-FFF2-40B4-BE49-F238E27FC236}">
                <a16:creationId xmlns:a16="http://schemas.microsoft.com/office/drawing/2014/main" id="{00FB32BC-6666-47AB-B937-2F55B086632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Apr 15</a:t>
            </a:r>
          </a:p>
        </p:txBody>
      </p:sp>
      <p:sp>
        <p:nvSpPr>
          <p:cNvPr id="74" name="OTLSHAPE_SLT_350187919c5c4920a40053e785e464b8_StartDate" hidden="1">
            <a:extLst>
              <a:ext uri="{FF2B5EF4-FFF2-40B4-BE49-F238E27FC236}">
                <a16:creationId xmlns:a16="http://schemas.microsoft.com/office/drawing/2014/main" id="{144C390B-13C4-4371-BADD-1E133939883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350187919c5c4920a40053e785e464b8_EndDate" hidden="1">
            <a:extLst>
              <a:ext uri="{FF2B5EF4-FFF2-40B4-BE49-F238E27FC236}">
                <a16:creationId xmlns:a16="http://schemas.microsoft.com/office/drawing/2014/main" id="{0A8358E1-E540-4F8D-9141-3C9CA6B7812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b8fc138c1d424d2281899572a6f56cba_TextPercentage" hidden="1">
            <a:extLst>
              <a:ext uri="{FF2B5EF4-FFF2-40B4-BE49-F238E27FC236}">
                <a16:creationId xmlns:a16="http://schemas.microsoft.com/office/drawing/2014/main" id="{94D3E1CD-9AA5-44A5-A4E6-CAFDAEDA2BBA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b8fc138c1d424d2281899572a6f56cba_JoinedDate" hidden="1">
            <a:extLst>
              <a:ext uri="{FF2B5EF4-FFF2-40B4-BE49-F238E27FC236}">
                <a16:creationId xmlns:a16="http://schemas.microsoft.com/office/drawing/2014/main" id="{D4C9A84D-2D03-4FA4-9634-B41D288AB331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6 - Apr 20</a:t>
            </a:r>
          </a:p>
        </p:txBody>
      </p:sp>
      <p:sp>
        <p:nvSpPr>
          <p:cNvPr id="82" name="OTLSHAPE_SLT_b8fc138c1d424d2281899572a6f56cba_StartDate" hidden="1">
            <a:extLst>
              <a:ext uri="{FF2B5EF4-FFF2-40B4-BE49-F238E27FC236}">
                <a16:creationId xmlns:a16="http://schemas.microsoft.com/office/drawing/2014/main" id="{56B5ACAF-EA59-4276-8108-0F721EA8F24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b8fc138c1d424d2281899572a6f56cba_EndDate" hidden="1">
            <a:extLst>
              <a:ext uri="{FF2B5EF4-FFF2-40B4-BE49-F238E27FC236}">
                <a16:creationId xmlns:a16="http://schemas.microsoft.com/office/drawing/2014/main" id="{737213B7-6D74-4C3A-AA63-64A3D188610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9818f144a2b04a44a496c765508b6d13_TextPercentage" hidden="1">
            <a:extLst>
              <a:ext uri="{FF2B5EF4-FFF2-40B4-BE49-F238E27FC236}">
                <a16:creationId xmlns:a16="http://schemas.microsoft.com/office/drawing/2014/main" id="{FD9FA3E8-F11D-42A2-81B0-C0F2234D6B2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9818f144a2b04a44a496c765508b6d13_JoinedDate" hidden="1">
            <a:extLst>
              <a:ext uri="{FF2B5EF4-FFF2-40B4-BE49-F238E27FC236}">
                <a16:creationId xmlns:a16="http://schemas.microsoft.com/office/drawing/2014/main" id="{C97654B4-3E6C-4BF0-AC74-A7EF25E287C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3 - Apr 29</a:t>
            </a:r>
          </a:p>
        </p:txBody>
      </p:sp>
      <p:sp>
        <p:nvSpPr>
          <p:cNvPr id="90" name="OTLSHAPE_SLT_9818f144a2b04a44a496c765508b6d13_StartDate" hidden="1">
            <a:extLst>
              <a:ext uri="{FF2B5EF4-FFF2-40B4-BE49-F238E27FC236}">
                <a16:creationId xmlns:a16="http://schemas.microsoft.com/office/drawing/2014/main" id="{2C2D0389-0D51-4C9A-82E1-B5D143AB477E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9818f144a2b04a44a496c765508b6d13_EndDate" hidden="1">
            <a:extLst>
              <a:ext uri="{FF2B5EF4-FFF2-40B4-BE49-F238E27FC236}">
                <a16:creationId xmlns:a16="http://schemas.microsoft.com/office/drawing/2014/main" id="{65580433-5F6F-495D-B5CC-DD8755AC9E19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75b6a46e8e64470b8a72dbe4e5a395c8_TextPercentage" hidden="1">
            <a:extLst>
              <a:ext uri="{FF2B5EF4-FFF2-40B4-BE49-F238E27FC236}">
                <a16:creationId xmlns:a16="http://schemas.microsoft.com/office/drawing/2014/main" id="{3B2C4E04-5D7C-499E-A626-946C9D1D1F9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75b6a46e8e64470b8a72dbe4e5a395c8_JoinedDate" hidden="1">
            <a:extLst>
              <a:ext uri="{FF2B5EF4-FFF2-40B4-BE49-F238E27FC236}">
                <a16:creationId xmlns:a16="http://schemas.microsoft.com/office/drawing/2014/main" id="{0D358296-4E7C-42E3-A0B3-F3E8B0F6E0AA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618242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10</a:t>
            </a:r>
          </a:p>
        </p:txBody>
      </p:sp>
      <p:sp>
        <p:nvSpPr>
          <p:cNvPr id="98" name="OTLSHAPE_SLT_75b6a46e8e64470b8a72dbe4e5a395c8_StartDate" hidden="1">
            <a:extLst>
              <a:ext uri="{FF2B5EF4-FFF2-40B4-BE49-F238E27FC236}">
                <a16:creationId xmlns:a16="http://schemas.microsoft.com/office/drawing/2014/main" id="{76204A91-7C65-4EF5-A833-D77DD75AC5D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75b6a46e8e64470b8a72dbe4e5a395c8_EndDate" hidden="1">
            <a:extLst>
              <a:ext uri="{FF2B5EF4-FFF2-40B4-BE49-F238E27FC236}">
                <a16:creationId xmlns:a16="http://schemas.microsoft.com/office/drawing/2014/main" id="{D03B9AF7-C9D6-4A22-A6AF-CB76A97EE9CC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b754a5d9d5264429951f29b6aa977161_TextPercentage" hidden="1">
            <a:extLst>
              <a:ext uri="{FF2B5EF4-FFF2-40B4-BE49-F238E27FC236}">
                <a16:creationId xmlns:a16="http://schemas.microsoft.com/office/drawing/2014/main" id="{294DBC7D-3514-417A-9ED0-81073B878E9E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b754a5d9d5264429951f29b6aa977161_JoinedDate" hidden="1">
            <a:extLst>
              <a:ext uri="{FF2B5EF4-FFF2-40B4-BE49-F238E27FC236}">
                <a16:creationId xmlns:a16="http://schemas.microsoft.com/office/drawing/2014/main" id="{C1BDA9B9-94AC-45E7-8B02-1A46596F2EE6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8 - Apr 19</a:t>
            </a:r>
          </a:p>
        </p:txBody>
      </p:sp>
      <p:sp>
        <p:nvSpPr>
          <p:cNvPr id="109" name="OTLSHAPE_SLT_b754a5d9d5264429951f29b6aa977161_StartDate" hidden="1">
            <a:extLst>
              <a:ext uri="{FF2B5EF4-FFF2-40B4-BE49-F238E27FC236}">
                <a16:creationId xmlns:a16="http://schemas.microsoft.com/office/drawing/2014/main" id="{3F331C9D-47AA-42AB-ADC4-7938725EF3CF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b754a5d9d5264429951f29b6aa977161_EndDate" hidden="1">
            <a:extLst>
              <a:ext uri="{FF2B5EF4-FFF2-40B4-BE49-F238E27FC236}">
                <a16:creationId xmlns:a16="http://schemas.microsoft.com/office/drawing/2014/main" id="{CDFDCDC1-A18E-419E-9D63-DF063CC0326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165a9a198be34acf94aaba443ae68771_TextPercentage" hidden="1">
            <a:extLst>
              <a:ext uri="{FF2B5EF4-FFF2-40B4-BE49-F238E27FC236}">
                <a16:creationId xmlns:a16="http://schemas.microsoft.com/office/drawing/2014/main" id="{AC0F8B23-CD6E-4870-9B2F-CD2E4503277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165a9a198be34acf94aaba443ae68771_JoinedDate" hidden="1">
            <a:extLst>
              <a:ext uri="{FF2B5EF4-FFF2-40B4-BE49-F238E27FC236}">
                <a16:creationId xmlns:a16="http://schemas.microsoft.com/office/drawing/2014/main" id="{D7A2B8F1-D103-4FE0-A15C-E73B292A5AC4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2 - May 3</a:t>
            </a:r>
          </a:p>
        </p:txBody>
      </p:sp>
      <p:sp>
        <p:nvSpPr>
          <p:cNvPr id="117" name="OTLSHAPE_SLT_165a9a198be34acf94aaba443ae68771_StartDate" hidden="1">
            <a:extLst>
              <a:ext uri="{FF2B5EF4-FFF2-40B4-BE49-F238E27FC236}">
                <a16:creationId xmlns:a16="http://schemas.microsoft.com/office/drawing/2014/main" id="{737C6BB3-EBB8-4023-BEB9-A6D8BB950139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165a9a198be34acf94aaba443ae68771_EndDate" hidden="1">
            <a:extLst>
              <a:ext uri="{FF2B5EF4-FFF2-40B4-BE49-F238E27FC236}">
                <a16:creationId xmlns:a16="http://schemas.microsoft.com/office/drawing/2014/main" id="{CF7857F3-FF46-4652-908B-012C1D33F358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39e38b99839f4c0abd129428ed86d2fb_TextPercentage" hidden="1">
            <a:extLst>
              <a:ext uri="{FF2B5EF4-FFF2-40B4-BE49-F238E27FC236}">
                <a16:creationId xmlns:a16="http://schemas.microsoft.com/office/drawing/2014/main" id="{1EEF089B-93E9-4EB7-9444-DD6536D24728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39e38b99839f4c0abd129428ed86d2fb_JoinedDate" hidden="1">
            <a:extLst>
              <a:ext uri="{FF2B5EF4-FFF2-40B4-BE49-F238E27FC236}">
                <a16:creationId xmlns:a16="http://schemas.microsoft.com/office/drawing/2014/main" id="{9702DAAD-D302-43A7-BBF3-0F84633B2536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9 - Apr 15</a:t>
            </a:r>
          </a:p>
        </p:txBody>
      </p:sp>
      <p:sp>
        <p:nvSpPr>
          <p:cNvPr id="131" name="OTLSHAPE_SLT_39e38b99839f4c0abd129428ed86d2fb_StartDate" hidden="1">
            <a:extLst>
              <a:ext uri="{FF2B5EF4-FFF2-40B4-BE49-F238E27FC236}">
                <a16:creationId xmlns:a16="http://schemas.microsoft.com/office/drawing/2014/main" id="{F0D95326-3E04-452B-BB43-2B1532828719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39e38b99839f4c0abd129428ed86d2fb_EndDate" hidden="1">
            <a:extLst>
              <a:ext uri="{FF2B5EF4-FFF2-40B4-BE49-F238E27FC236}">
                <a16:creationId xmlns:a16="http://schemas.microsoft.com/office/drawing/2014/main" id="{EBBCF04E-743B-4CA0-B763-1A33A95F4A0B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40232906731e4a15aadef04ff2dcdb4e_TextPercentage" hidden="1">
            <a:extLst>
              <a:ext uri="{FF2B5EF4-FFF2-40B4-BE49-F238E27FC236}">
                <a16:creationId xmlns:a16="http://schemas.microsoft.com/office/drawing/2014/main" id="{ED789852-312E-4DA5-9C96-BA9BE5FB47F7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40232906731e4a15aadef04ff2dcdb4e_JoinedDate" hidden="1">
            <a:extLst>
              <a:ext uri="{FF2B5EF4-FFF2-40B4-BE49-F238E27FC236}">
                <a16:creationId xmlns:a16="http://schemas.microsoft.com/office/drawing/2014/main" id="{5198D4A9-C519-44C7-9C3C-2C20E6C33338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9 - Apr 17</a:t>
            </a:r>
          </a:p>
        </p:txBody>
      </p:sp>
      <p:sp>
        <p:nvSpPr>
          <p:cNvPr id="139" name="OTLSHAPE_SLT_40232906731e4a15aadef04ff2dcdb4e_StartDate" hidden="1">
            <a:extLst>
              <a:ext uri="{FF2B5EF4-FFF2-40B4-BE49-F238E27FC236}">
                <a16:creationId xmlns:a16="http://schemas.microsoft.com/office/drawing/2014/main" id="{12E84E89-F10F-4A18-8CA8-58980AFDA877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40232906731e4a15aadef04ff2dcdb4e_EndDate" hidden="1">
            <a:extLst>
              <a:ext uri="{FF2B5EF4-FFF2-40B4-BE49-F238E27FC236}">
                <a16:creationId xmlns:a16="http://schemas.microsoft.com/office/drawing/2014/main" id="{C9A3F17F-1728-41CA-8E9B-835D21F84E3C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021dba94ca1d402ca8c3c36fa4e0147e_TextPercentage" hidden="1">
            <a:extLst>
              <a:ext uri="{FF2B5EF4-FFF2-40B4-BE49-F238E27FC236}">
                <a16:creationId xmlns:a16="http://schemas.microsoft.com/office/drawing/2014/main" id="{8746E345-9C90-4E32-B2B7-6BC4B9FA00D9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021dba94ca1d402ca8c3c36fa4e0147e_JoinedDate" hidden="1">
            <a:extLst>
              <a:ext uri="{FF2B5EF4-FFF2-40B4-BE49-F238E27FC236}">
                <a16:creationId xmlns:a16="http://schemas.microsoft.com/office/drawing/2014/main" id="{7C05DFC4-6096-4E1B-A6CF-EF641DAA7CE1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618242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 - May 17</a:t>
            </a:r>
          </a:p>
        </p:txBody>
      </p:sp>
      <p:sp>
        <p:nvSpPr>
          <p:cNvPr id="145" name="OTLSHAPE_SLT_021dba94ca1d402ca8c3c36fa4e0147e_StartDate" hidden="1">
            <a:extLst>
              <a:ext uri="{FF2B5EF4-FFF2-40B4-BE49-F238E27FC236}">
                <a16:creationId xmlns:a16="http://schemas.microsoft.com/office/drawing/2014/main" id="{392ED827-CBBF-4CCC-BF20-13ABE4ACE4D2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SLT_021dba94ca1d402ca8c3c36fa4e0147e_EndDate" hidden="1">
            <a:extLst>
              <a:ext uri="{FF2B5EF4-FFF2-40B4-BE49-F238E27FC236}">
                <a16:creationId xmlns:a16="http://schemas.microsoft.com/office/drawing/2014/main" id="{47061540-F981-4CA5-BC10-FB38A193C5C7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SLT_07b939dcb9a54c21988fdd42564cd4d5_TextPercentage" hidden="1">
            <a:extLst>
              <a:ext uri="{FF2B5EF4-FFF2-40B4-BE49-F238E27FC236}">
                <a16:creationId xmlns:a16="http://schemas.microsoft.com/office/drawing/2014/main" id="{9EBE3EE2-E00F-40E8-B783-CC3B5194398E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07b939dcb9a54c21988fdd42564cd4d5_JoinedDate" hidden="1">
            <a:extLst>
              <a:ext uri="{FF2B5EF4-FFF2-40B4-BE49-F238E27FC236}">
                <a16:creationId xmlns:a16="http://schemas.microsoft.com/office/drawing/2014/main" id="{56C794E6-05D4-4DF2-B2AF-5235282EFD92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695186"/>
            <a:ext cx="863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8 - May 26</a:t>
            </a:r>
          </a:p>
        </p:txBody>
      </p:sp>
      <p:sp>
        <p:nvSpPr>
          <p:cNvPr id="152" name="OTLSHAPE_SLT_07b939dcb9a54c21988fdd42564cd4d5_StartDate" hidden="1">
            <a:extLst>
              <a:ext uri="{FF2B5EF4-FFF2-40B4-BE49-F238E27FC236}">
                <a16:creationId xmlns:a16="http://schemas.microsoft.com/office/drawing/2014/main" id="{672741D1-6624-446B-871F-5B249C9C6AE8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SLT_07b939dcb9a54c21988fdd42564cd4d5_EndDate" hidden="1">
            <a:extLst>
              <a:ext uri="{FF2B5EF4-FFF2-40B4-BE49-F238E27FC236}">
                <a16:creationId xmlns:a16="http://schemas.microsoft.com/office/drawing/2014/main" id="{8A471E5D-85EB-4E77-BD28-0FE048E806C8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c44e436f502f482f86d88856523f941f_TextPercentage" hidden="1">
            <a:extLst>
              <a:ext uri="{FF2B5EF4-FFF2-40B4-BE49-F238E27FC236}">
                <a16:creationId xmlns:a16="http://schemas.microsoft.com/office/drawing/2014/main" id="{4F75AD89-29F2-484F-B025-46BAAD754F94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SLT_c44e436f502f482f86d88856523f941f_JoinedDate" hidden="1">
            <a:extLst>
              <a:ext uri="{FF2B5EF4-FFF2-40B4-BE49-F238E27FC236}">
                <a16:creationId xmlns:a16="http://schemas.microsoft.com/office/drawing/2014/main" id="{E58E68CF-59CB-4F14-AE08-A862D417BEA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30 - Jun 9</a:t>
            </a:r>
          </a:p>
        </p:txBody>
      </p:sp>
      <p:sp>
        <p:nvSpPr>
          <p:cNvPr id="159" name="OTLSHAPE_SLT_c44e436f502f482f86d88856523f941f_StartDate" hidden="1">
            <a:extLst>
              <a:ext uri="{FF2B5EF4-FFF2-40B4-BE49-F238E27FC236}">
                <a16:creationId xmlns:a16="http://schemas.microsoft.com/office/drawing/2014/main" id="{3D239898-2473-48D9-97B7-CF568BF01447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c44e436f502f482f86d88856523f941f_EndDate" hidden="1">
            <a:extLst>
              <a:ext uri="{FF2B5EF4-FFF2-40B4-BE49-F238E27FC236}">
                <a16:creationId xmlns:a16="http://schemas.microsoft.com/office/drawing/2014/main" id="{84F968FD-D66F-43CC-8041-728DFEE19E0E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5fc32376036a46e382a0e3b49f411319_TextPercentage" hidden="1">
            <a:extLst>
              <a:ext uri="{FF2B5EF4-FFF2-40B4-BE49-F238E27FC236}">
                <a16:creationId xmlns:a16="http://schemas.microsoft.com/office/drawing/2014/main" id="{94A218BC-36E0-47E4-981C-91E0D7296E7D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5fc32376036a46e382a0e3b49f411319_JoinedDate" hidden="1">
            <a:extLst>
              <a:ext uri="{FF2B5EF4-FFF2-40B4-BE49-F238E27FC236}">
                <a16:creationId xmlns:a16="http://schemas.microsoft.com/office/drawing/2014/main" id="{D9022E67-847E-4417-BA88-F858147CE2AA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695186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1 - Jun 17</a:t>
            </a:r>
          </a:p>
        </p:txBody>
      </p:sp>
      <p:sp>
        <p:nvSpPr>
          <p:cNvPr id="166" name="OTLSHAPE_SLT_5fc32376036a46e382a0e3b49f411319_StartDate" hidden="1">
            <a:extLst>
              <a:ext uri="{FF2B5EF4-FFF2-40B4-BE49-F238E27FC236}">
                <a16:creationId xmlns:a16="http://schemas.microsoft.com/office/drawing/2014/main" id="{64D027C2-C59C-4FC1-AE93-3886D7E2B951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5fc32376036a46e382a0e3b49f411319_EndDate" hidden="1">
            <a:extLst>
              <a:ext uri="{FF2B5EF4-FFF2-40B4-BE49-F238E27FC236}">
                <a16:creationId xmlns:a16="http://schemas.microsoft.com/office/drawing/2014/main" id="{9A387937-E61B-44B8-AA03-CC3C61AE69D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M_519444654f27465bb7830666704d9616_Title">
            <a:extLst>
              <a:ext uri="{FF2B5EF4-FFF2-40B4-BE49-F238E27FC236}">
                <a16:creationId xmlns:a16="http://schemas.microsoft.com/office/drawing/2014/main" id="{FDCB3531-1BEB-46F8-B3D9-023D6FEFABAA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2547391" y="2842472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Instructional Workshop</a:t>
            </a:r>
          </a:p>
        </p:txBody>
      </p:sp>
      <p:sp>
        <p:nvSpPr>
          <p:cNvPr id="43" name="OTLSHAPE_SLM_519444654f27465bb7830666704d9616_Date" hidden="1">
            <a:extLst>
              <a:ext uri="{FF2B5EF4-FFF2-40B4-BE49-F238E27FC236}">
                <a16:creationId xmlns:a16="http://schemas.microsoft.com/office/drawing/2014/main" id="{51973DCC-C671-45F1-B347-A58462CA1883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111" name="OTLSHAPE_SLM_012553d16a8f49468877affe101e3783_Title">
            <a:extLst>
              <a:ext uri="{FF2B5EF4-FFF2-40B4-BE49-F238E27FC236}">
                <a16:creationId xmlns:a16="http://schemas.microsoft.com/office/drawing/2014/main" id="{49CE88E9-88AC-4994-86F4-6D1A74734CF6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3522031" y="4136771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Management approval</a:t>
            </a:r>
          </a:p>
        </p:txBody>
      </p:sp>
      <p:sp>
        <p:nvSpPr>
          <p:cNvPr id="113" name="OTLSHAPE_SLM_012553d16a8f49468877affe101e3783_Date" hidden="1">
            <a:extLst>
              <a:ext uri="{FF2B5EF4-FFF2-40B4-BE49-F238E27FC236}">
                <a16:creationId xmlns:a16="http://schemas.microsoft.com/office/drawing/2014/main" id="{63B1D964-4955-46C7-824B-88A6ED4AEE22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8</a:t>
            </a:r>
          </a:p>
        </p:txBody>
      </p:sp>
      <p:sp>
        <p:nvSpPr>
          <p:cNvPr id="179" name="OTLSHAPE_SLM_bf5d6b3cb534452a8ff46167520bc363_Title">
            <a:extLst>
              <a:ext uri="{FF2B5EF4-FFF2-40B4-BE49-F238E27FC236}">
                <a16:creationId xmlns:a16="http://schemas.microsoft.com/office/drawing/2014/main" id="{320C96D9-82D2-45E1-8809-F464E2884D68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3868826" y="4662890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chemeClr val="dk1"/>
                </a:solidFill>
                <a:latin typeface="Calibri" panose="020F0502020204030204" pitchFamily="34" charset="0"/>
              </a:rPr>
              <a:t>Management approval</a:t>
            </a:r>
          </a:p>
        </p:txBody>
      </p:sp>
      <p:sp>
        <p:nvSpPr>
          <p:cNvPr id="182" name="OTLSHAPE_SLM_bf5d6b3cb534452a8ff46167520bc363_Date" hidden="1">
            <a:extLst>
              <a:ext uri="{FF2B5EF4-FFF2-40B4-BE49-F238E27FC236}">
                <a16:creationId xmlns:a16="http://schemas.microsoft.com/office/drawing/2014/main" id="{35DAE432-2759-478D-BBEB-F91913C2DE51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</a:t>
            </a:r>
          </a:p>
        </p:txBody>
      </p:sp>
      <p:sp>
        <p:nvSpPr>
          <p:cNvPr id="185" name="OTLSHAPE_SLT_811b26587292487195ae6cd3cd766028_TextPercentage" hidden="1">
            <a:extLst>
              <a:ext uri="{FF2B5EF4-FFF2-40B4-BE49-F238E27FC236}">
                <a16:creationId xmlns:a16="http://schemas.microsoft.com/office/drawing/2014/main" id="{8213F0A2-41FA-4DD9-BBDF-6B8F74C9F71C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SLT_811b26587292487195ae6cd3cd766028_JoinedDate" hidden="1">
            <a:extLst>
              <a:ext uri="{FF2B5EF4-FFF2-40B4-BE49-F238E27FC236}">
                <a16:creationId xmlns:a16="http://schemas.microsoft.com/office/drawing/2014/main" id="{7AA79A41-A7F1-4865-81E4-801E5C6F7278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9 - May 15</a:t>
            </a:r>
          </a:p>
        </p:txBody>
      </p:sp>
      <p:sp>
        <p:nvSpPr>
          <p:cNvPr id="188" name="OTLSHAPE_SLT_811b26587292487195ae6cd3cd766028_StartDate" hidden="1">
            <a:extLst>
              <a:ext uri="{FF2B5EF4-FFF2-40B4-BE49-F238E27FC236}">
                <a16:creationId xmlns:a16="http://schemas.microsoft.com/office/drawing/2014/main" id="{D3F5DEBF-A579-48D5-948D-C253BEA661E9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T_811b26587292487195ae6cd3cd766028_EndDate" hidden="1">
            <a:extLst>
              <a:ext uri="{FF2B5EF4-FFF2-40B4-BE49-F238E27FC236}">
                <a16:creationId xmlns:a16="http://schemas.microsoft.com/office/drawing/2014/main" id="{723D1BB2-B8F7-477E-A17F-47F7A1B3C3D3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SLT_811b26587292487195ae6cd3cd766028_Title">
            <a:extLst>
              <a:ext uri="{FF2B5EF4-FFF2-40B4-BE49-F238E27FC236}">
                <a16:creationId xmlns:a16="http://schemas.microsoft.com/office/drawing/2014/main" id="{CB96E3E3-4BE3-4F64-92CA-3CD8E6B9FF15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751203" y="5317787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8">
                <a:solidFill>
                  <a:schemeClr val="dk1"/>
                </a:solidFill>
                <a:latin typeface="Calibri" panose="020F0502020204030204" pitchFamily="34" charset="0"/>
              </a:rPr>
              <a:t>Organize recovery teams</a:t>
            </a:r>
          </a:p>
        </p:txBody>
      </p:sp>
      <p:sp>
        <p:nvSpPr>
          <p:cNvPr id="192" name="OTLSHAPE_SLT_811b26587292487195ae6cd3cd766028_Duration">
            <a:extLst>
              <a:ext uri="{FF2B5EF4-FFF2-40B4-BE49-F238E27FC236}">
                <a16:creationId xmlns:a16="http://schemas.microsoft.com/office/drawing/2014/main" id="{13E68CED-13C7-44AF-B420-7B19A1614C7D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4609783" y="532553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31" name="OTLSHAPE_M_d11969dc49974309ade6cb42d83eda77_Shape">
            <a:extLst>
              <a:ext uri="{FF2B5EF4-FFF2-40B4-BE49-F238E27FC236}">
                <a16:creationId xmlns:a16="http://schemas.microsoft.com/office/drawing/2014/main" id="{C8EB6735-386B-444D-8C28-316E49EF8D68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7421312" y="17526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M_ca1054fcf935435ea4c9b93d01cfdb7c_Shape">
            <a:extLst>
              <a:ext uri="{FF2B5EF4-FFF2-40B4-BE49-F238E27FC236}">
                <a16:creationId xmlns:a16="http://schemas.microsoft.com/office/drawing/2014/main" id="{175281FE-8590-474E-8559-553362B31C31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6554326" y="1752600"/>
            <a:ext cx="228600" cy="254000"/>
          </a:xfrm>
          <a:prstGeom prst="diamond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M_78f80ea12f334dce8c1c0bd38106cf5b_Shape">
            <a:extLst>
              <a:ext uri="{FF2B5EF4-FFF2-40B4-BE49-F238E27FC236}">
                <a16:creationId xmlns:a16="http://schemas.microsoft.com/office/drawing/2014/main" id="{B202F8B9-F7BA-403C-9D62-61437EC18058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>
            <a:off x="6987819" y="17526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M_d11969dc49974309ade6cb42d83eda77_Title">
            <a:extLst>
              <a:ext uri="{FF2B5EF4-FFF2-40B4-BE49-F238E27FC236}">
                <a16:creationId xmlns:a16="http://schemas.microsoft.com/office/drawing/2014/main" id="{CD285999-7125-4441-BB51-0978BA807CDB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7337979" y="1556681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0" dirty="0">
                <a:solidFill>
                  <a:srgbClr val="B20E12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232" name="OTLSHAPE_M_ca1054fcf935435ea4c9b93d01cfdb7c_Title">
            <a:extLst>
              <a:ext uri="{FF2B5EF4-FFF2-40B4-BE49-F238E27FC236}">
                <a16:creationId xmlns:a16="http://schemas.microsoft.com/office/drawing/2014/main" id="{8A494C92-D34E-4FE4-A9C8-14F0DEA3DE81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6093908" y="155668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dirty="0">
                <a:solidFill>
                  <a:schemeClr val="accent1"/>
                </a:solidFill>
                <a:latin typeface="Calibri" panose="020F0502020204030204" pitchFamily="34" charset="0"/>
              </a:rPr>
              <a:t>Training for BC team</a:t>
            </a:r>
          </a:p>
        </p:txBody>
      </p:sp>
      <p:sp>
        <p:nvSpPr>
          <p:cNvPr id="235" name="OTLSHAPE_M_78f80ea12f334dce8c1c0bd38106cf5b_Title">
            <a:extLst>
              <a:ext uri="{FF2B5EF4-FFF2-40B4-BE49-F238E27FC236}">
                <a16:creationId xmlns:a16="http://schemas.microsoft.com/office/drawing/2014/main" id="{20C6784D-5A42-454C-AE53-E3ADB0239BEB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6505960" y="1271863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accent1"/>
                </a:solidFill>
                <a:latin typeface="Calibri" panose="020F0502020204030204" pitchFamily="34" charset="0"/>
              </a:rPr>
              <a:t>Orientation exercises</a:t>
            </a:r>
          </a:p>
        </p:txBody>
      </p:sp>
      <p:sp>
        <p:nvSpPr>
          <p:cNvPr id="28" name="OTLSHAPE_M_d11969dc49974309ade6cb42d83eda77_Date" hidden="1">
            <a:extLst>
              <a:ext uri="{FF2B5EF4-FFF2-40B4-BE49-F238E27FC236}">
                <a16:creationId xmlns:a16="http://schemas.microsoft.com/office/drawing/2014/main" id="{C4262B49-B434-4B6A-A02B-9C220235D0AE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8</a:t>
            </a:r>
          </a:p>
        </p:txBody>
      </p:sp>
      <p:sp>
        <p:nvSpPr>
          <p:cNvPr id="29" name="OTLSHAPE_M_ca1054fcf935435ea4c9b93d01cfdb7c_Date" hidden="1">
            <a:extLst>
              <a:ext uri="{FF2B5EF4-FFF2-40B4-BE49-F238E27FC236}">
                <a16:creationId xmlns:a16="http://schemas.microsoft.com/office/drawing/2014/main" id="{78EB387C-6216-4C3D-AE3F-B6009ACFDC38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</a:p>
        </p:txBody>
      </p:sp>
      <p:sp>
        <p:nvSpPr>
          <p:cNvPr id="31" name="OTLSHAPE_M_78f80ea12f334dce8c1c0bd38106cf5b_Date" hidden="1">
            <a:extLst>
              <a:ext uri="{FF2B5EF4-FFF2-40B4-BE49-F238E27FC236}">
                <a16:creationId xmlns:a16="http://schemas.microsoft.com/office/drawing/2014/main" id="{DD3E3FE0-65A3-454E-A6C8-B8A27DCEE318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3</a:t>
            </a:r>
          </a:p>
        </p:txBody>
      </p:sp>
      <p:sp>
        <p:nvSpPr>
          <p:cNvPr id="226" name="TextBox 225">
            <a:extLst>
              <a:ext uri="{FF2B5EF4-FFF2-40B4-BE49-F238E27FC236}">
                <a16:creationId xmlns:a16="http://schemas.microsoft.com/office/drawing/2014/main" id="{2DB36442-2E08-44E7-B5E7-EE7FAACC6198}"/>
              </a:ext>
            </a:extLst>
          </p:cNvPr>
          <p:cNvSpPr txBox="1"/>
          <p:nvPr/>
        </p:nvSpPr>
        <p:spPr>
          <a:xfrm>
            <a:off x="10134410" y="2456714"/>
            <a:ext cx="1699491" cy="33239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eam roles</a:t>
            </a:r>
          </a:p>
          <a:p>
            <a:endParaRPr lang="en-US" sz="1200" dirty="0"/>
          </a:p>
          <a:p>
            <a:r>
              <a:rPr lang="en-US" sz="1200" b="1" dirty="0"/>
              <a:t>Incident Commander</a:t>
            </a:r>
            <a:r>
              <a:rPr lang="en-US" sz="1200" dirty="0"/>
              <a:t>:</a:t>
            </a:r>
          </a:p>
          <a:p>
            <a:r>
              <a:rPr lang="en-US" sz="1200" dirty="0"/>
              <a:t>Adele Goodwin</a:t>
            </a:r>
          </a:p>
          <a:p>
            <a:endParaRPr lang="en-US" sz="1200" dirty="0"/>
          </a:p>
          <a:p>
            <a:r>
              <a:rPr lang="en-US" sz="1200" b="1" dirty="0"/>
              <a:t>HR/PR Officer:</a:t>
            </a:r>
          </a:p>
          <a:p>
            <a:r>
              <a:rPr lang="en-US" sz="1200" dirty="0"/>
              <a:t>Sheila Major</a:t>
            </a:r>
          </a:p>
          <a:p>
            <a:endParaRPr lang="en-US" sz="1200" dirty="0"/>
          </a:p>
          <a:p>
            <a:r>
              <a:rPr lang="en-US" sz="1200" b="1" dirty="0"/>
              <a:t>Information Technology:</a:t>
            </a:r>
          </a:p>
          <a:p>
            <a:r>
              <a:rPr lang="en-US" sz="1200" dirty="0"/>
              <a:t>Liam Benitez</a:t>
            </a:r>
          </a:p>
          <a:p>
            <a:endParaRPr lang="en-US" sz="1200" dirty="0"/>
          </a:p>
          <a:p>
            <a:r>
              <a:rPr lang="en-US" sz="1200" b="1" dirty="0"/>
              <a:t>Finance/Admin:</a:t>
            </a:r>
          </a:p>
          <a:p>
            <a:r>
              <a:rPr lang="en-US" sz="1200" dirty="0"/>
              <a:t>Violet Horton</a:t>
            </a:r>
          </a:p>
          <a:p>
            <a:endParaRPr lang="en-US" sz="1200" dirty="0"/>
          </a:p>
          <a:p>
            <a:r>
              <a:rPr lang="en-US" sz="1200" b="1" dirty="0"/>
              <a:t>Legal/Contracts: </a:t>
            </a:r>
          </a:p>
          <a:p>
            <a:r>
              <a:rPr lang="en-US" sz="1200" dirty="0"/>
              <a:t>Erik Mullen</a:t>
            </a:r>
            <a:endParaRPr lang="en-US" dirty="0"/>
          </a:p>
        </p:txBody>
      </p:sp>
      <p:sp>
        <p:nvSpPr>
          <p:cNvPr id="194" name="TextBox 193">
            <a:extLst>
              <a:ext uri="{FF2B5EF4-FFF2-40B4-BE49-F238E27FC236}">
                <a16:creationId xmlns:a16="http://schemas.microsoft.com/office/drawing/2014/main" id="{15218786-4C95-4919-B175-AC873322A87F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023620" y="337819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Business Continuity Plan</a:t>
            </a:r>
          </a:p>
        </p:txBody>
      </p:sp>
      <p:sp>
        <p:nvSpPr>
          <p:cNvPr id="195" name="TextBox 194">
            <a:extLst>
              <a:ext uri="{FF2B5EF4-FFF2-40B4-BE49-F238E27FC236}">
                <a16:creationId xmlns:a16="http://schemas.microsoft.com/office/drawing/2014/main" id="{E702D558-7952-4FE2-845D-AD0ABFE83E70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023620" y="878955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Key activities and planning for risk mitig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47712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M2MzZTAxMDItZTU5Zi00NDkyLWI1MmUtNzczNGY0YTgxNzg2IiwiU3RhcnREYXRlIjoiMjAyMi0wMy0yNFQwMDowMDowMFoiLCJFbmREYXRlIjoiMjAyMi0wMy0zMVQyMzo1OTowMFoiLCJQZXJjZW50YWdlQ29tcGxldGUiOm51bGwsIlN0eWxlIjp7IiRpZCI6IjciLCJTaGFwZSI6MS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EsIkR1cmF0aW9uUG9zaXRpb24iOjIsIlBlcmNlbnRhZ2VDb21wbGV0ZWRQb3NpdGlvbiI6N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Q3LCJHIjo1NCwiQiI6MTUzfX0sIklzVmlzaWJsZSI6dHJ1ZSwiV2lkdGgiOjAuMCwiSGVpZ2h0IjoxMC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AsIkZvcmVncm91bmQiOnsiJGlkIjoiNDIiLCJDb2xvciI6eyIkaWQiOiI0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EwLCJGb250TmFtZSI6IkNhbGlicmkiLCJJc0JvbGQiOmZhbHNlLCJJc0l0YWxpYyI6ZmFsc2UsIklzVW5kZXJsaW5lZCI6ZmFsc2UsIlBhcmVudFN0eWxlIjpudWxsfSwiQXV0b1NpemUiOjAsIkZvcmVncm91bmQiOnsiJGlkIjoiODIiLCJDb2xvciI6eyIkaWQiOiI4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QiLCJUb3AiOjAuMCwiTGVmdCI6MC4wLCJSaWdodCI6MC4wLCJCb3R0b20iOjAuMH0sIlBhZGRpbmciOnsiJGlkIjoiODUiLCJUb3AiOjAuMCwiTGVmdCI6MC4wLCJSaWdodCI6MC4wLCJCb3R0b20iOjAuMH0sIkJhY2tncm91bmQiOnsiJGlkIjoiODYiLCJDb2xvciI6eyIkaWQiOiI4NyIsIkEiOjAsIlIiOjI1NSwiRyI6MjU1LCJCIjoyNTV9fSwiSXNWaXNpYmxlIjpmYWxzZSwiV2lkdGgiOjAuMCwiSGVpZ2h0IjowLjAsIkJvcmRlclN0eWxlIjpudWxsLCJQYXJlbnRTdHlsZSI6bnVsbH0sIkRhdGVGb3JtYXQiOnsiJGlkIjoi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ZmFsc2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GlkIjoiMTA0IiwiQ29sb3IiOnsiJGlkIjoiMTA1IiwiQSI6MCwiUiI6MjU1LCJHIjoyNTUsIkIiOjI1NX19LCJJc1Zpc2libGUiOnRydWUsIldpZHRoIjowLjAsIkhlaWdodCI6MC4wLCJCb3JkZXJTdHlsZSI6bnVsbCwiUGFyZW50U3R5bGUiOm51bGx9LCJEYXRlU3R5bGUiOnsiJGlkIjoiMTA2IiwiRm9udFNldHRpbmdzIjp7IiRpZCI6IjEwNyIsIkZvbnRTaXplIjoxMCwiRm9udE5hbWUiOiJDYWxpYnJpIiwiSXNCb2xkIjpmYWxzZSwiSXNJdGFsaWMiOmZhbHNlLCJJc1VuZGVybGluZWQiOmZhbHNlLCJQYXJlbnRTdHlsZSI6bnVsbH0sIkF1dG9TaXplIjowLCJGb3JlZ3JvdW5kIjp7IiRpZCI6IjEwOCIsIkNvbG9yIjp7IiRpZCI6IjEw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g0In0sIlBhZGRpbmciOnsiJHJlZiI6Ijg1In0sIkJhY2tncm91bmQiOnsiJGlkIjoiMTEwIiwiQ29sb3IiOnsiJGlkIjoiMTExIiwiQSI6MCwiUiI6MjU1LCJHIjoyNTUsIkIiOjI1NX19LCJJc1Zpc2libGUiOmZhbHNlLCJXaWR0aCI6MC4wLCJIZWlnaHQiOjAuMCwiQm9yZGVyU3R5bGUiOm51bGw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wLCJSIjoyNTUsIkciOjI1NSwiQiI6MjU1fX0sIklzVmlzaWJsZSI6dHJ1ZSwiV2lkdGgiOjAuMCwiSGVpZ2h0IjowLjAsIkJvcmRlclN0eWxlIjp7IiRpZCI6IjUwMSIsIkxpbmVDb2xvciI6bnVsbCwiTGluZVdlaWdodCI6MC4wLCJMaW5lVHlwZSI6MCwiUGFyZW50U3R5bGUiOm51bGx9LCJQYXJlbnRTdHlsZSI6bnVsbH0sIkRhdGVGb3JtYXQiOnsiJGlkIjoiN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0MyIsIlRvcCI6MC4wLCJMZWZ0IjowLjAsIlJpZ2h0IjowLjAsIkJvdHRvbSI6MC4wfSwiUGFkZGluZyI6eyIkaWQiOiI1NDQiLCJUb3AiOjAuMCwiTGVmdCI6MC4wLCJSaWdodCI6MC4wLCJCb3R0b20iOjAuMH0sIkJhY2tncm91bmQiOnsiJGlkIjoiNTQ1IiwiQ29sb3IiOnsiJGlkIjoiNTQ2IiwiQSI6MCwiUiI6MjU1LCJHIjoyNTUsIkIiOjI1NX19LCJJc1Zpc2libGUiOnRydWUsIldpZHRoIjowLjAsIkhlaWdodCI6MC4wLCJCb3JkZXJTdHlsZSI6eyIkaWQiOiI1NDciLCJMaW5lQ29sb3IiOm51bGwsIkxpbmVXZWlnaHQiOjAuMCwiTGluZVR5cGUiOjAsIlBhcmVudFN0eWxlIjpudWxsfSwiUGFyZW50U3R5bGUiOm51bGx9LCJEYXRl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ODQifSwiUGFkZGluZyI6eyIkcmVmIjoiODUifSwiQmFja2dyb3VuZCI6eyIkaWQiOiI1NzgiLCJDb2xvciI6eyIkaWQiOiI1NzkiLCJBIjowLCJSIjoyNTUsIkciOjI1NSwiQiI6MjU1fX0sIklzVmlzaWJsZSI6ZmFsc2UsIldpZHRoIjowLjAsIkhlaWdodCI6MC4wLCJCb3JkZXJTdHlsZSI6bnVsbCwiUGFyZW50U3R5bGUiOm51bGx9LCJEYXRlRm9ybWF0Ijp7IiRpZCI6IjU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E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EwLCJJZCI6ImY1OTRjN2QwLWVhNWItNDNkMS1iZWI1LTU5NTU1MDU3YmU5NyIsIkhlYWRlclRleHQiOm51bGwsIklzRGVmYXVsdCI6dHJ1ZSwiU3R5bGUiOnsiJGlkIjoiNTgyIiwiSGVhZGVyU3R5bGUiOnsiJGlkIjoiNTgzIiwiVGV4dFN0eWxlIjp7IiRpZCI6IjU4NCIsIkZvbnRTZXR0aW5ncyI6eyIkaWQiOiI1ODUiLCJGb250U2l6ZSI6MTEsIkZvbnROYW1lIjoiQ2FsaWJyaSIsIklzQm9sZCI6ZmFsc2UsIklzSXRhbGljIjpmYWxzZSwiSXNVbmRlcmxpbmVkIjpmYWxzZSwiUGFyZW50U3R5bGUiOm51bGx9LCJBdXRvU2l6ZSI6MCwiRm9yZWdyb3VuZCI6eyIkaWQiOiI1ODYiLCJDb2xvciI6eyIkaWQiOiI1OD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4NCJ9LCJQYWRkaW5nIjp7IiRyZWYiOiI4NSJ9LCJCYWNrZ3JvdW5kIjp7IiRpZCI6Ijc2MyIsIkNvbG9yIjp7IiRpZCI6Ijc2NCIsIkEiOjAsIlIiOjI1NSwiRyI6MjU1LCJCIjoyNTV9fSwiSXNWaXNpYmxlIjpmYWxzZSwiV2lkdGgiOjAuMCwiSGVpZ2h0IjowLjAsIkJvcmRlclN0eWxlIjpudWxsLCJQYXJlbnRTdHlsZSI6bnVsbH0sIkRhdGVGb3JtYXQiOnsiJGlkIjoiNz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Ni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3NjciLCJfdGFza3MiOlt7IiRpZCI6Ijc2OCIsIl9hdHRhY2hlZE1pbGVzdG9uZXMiOltdLCJUYXNrRGVmaW5pdGlvbiI6eyIkaWQiOiI3NjkiLCJHcm91cE5hbWUiOm51bGwsIlN0YXJ0RGF0ZSI6IjIwMjItMDQtMDlUMDA6MDA6MDBaIiwiRW5kRGF0ZSI6IjIwMjItMDQtMTVUMDA6NDY6MDBaIiwiUGVyY2VudGFnZUNvbXBsZXRlIjpudWxsLCJTdHlsZSI6eyIkaWQiOiI3NzAiLCJTaGFwZSI6MCwiU2hhcGVUaGlja25lc3MiOjAsIkR1cmF0aW9uRm9ybWF0IjowLCJJbmNsdWRlTm9uV29ya2luZ0RheXNJbkR1cmF0aW9uIjpmYWxzZSwiUGVyY2VudGFnZUNvbXBsZXRlU3R5bGUiOnsiJGlkIjoiNzcxIiwiRm9udFNldHRpbmdzIjp7IiRpZCI6Ijc3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MzgiLCJUb3AiOjAuMCwiTGVmdCI6MC4wLCJSaWdodCI6MC4wLCJCb3R0b20iOjAuMH0sIlBhZGRpbmciOnsiJGlkIjoiODM5IiwiVG9wIjowLjAsIkxlZnQiOjAuMCwiUmlnaHQiOjAuMCwiQm90dG9tIjowLjB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MCwiUiI6MjU1LCJHIjoyNTUsIkIiOjI1NX19LCJJc1Zpc2libGUiOnRydWUsIldpZHRoIjowLjAsIkhlaWdodCI6MC4wLCJCb3JkZXJTdHlsZSI6eyIkaWQiOiI4NzQiLCJMaW5lQ29sb3IiOm51bGwsIkxpbmVXZWlnaHQiOjAuMCwiTGluZVR5cGUiOjAsIlBhcmVudFN0eWxlIjpudWxsfSwiUGFyZW50U3R5bGUiOm51bGx9LCJEYXRlRm9ybWF0Ijp7IiRpZCI6Ijg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aWQiOiIxMzI5IiwiQ29sb3IiOnsiJHJlZiI6IjEwNTAifX0sIklzVmlzaWJsZSI6dHJ1ZSwiV2lkdGgiOjAuMCwiSGVpZ2h0IjowLjAsIkJvcmRlclN0eWxlIjpudWxsLCJQYXJlbnRTdHlsZSI6bnVsbH0sIkRhdGVTdHlsZSI6eyIkaWQiOiIxMzMwIiwiRm9udFNldHRpbmdzIjp7IiRpZCI6IjEzMzEiLCJGb250U2l6ZSI6MTAsIkZvbnROYW1lIjoiQ2FsaWJyaSIsIklzQm9sZCI6ZmFsc2UsIklzSXRhbGljIjpmYWxzZSwiSXNVbmRlcmxpbmVkIjpmYWxzZSwiUGFyZW50U3R5bGUiOm51bGx9LCJBdXRvU2l6ZSI6MCwiRm9yZWdyb3VuZCI6eyIkaWQiOiIxMzMyIiwiQ29sb3IiOnsiJGlkIjoiMTM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0In0sIlBhZGRpbmciOnsiJHJlZiI6Ijg1In0sIkJhY2tncm91bmQiOnsiJGlkIjoiMTMzNCIsIkNvbG9yIjp7IiRyZWYiOiIxMDUwIn19LCJJc1Zpc2libGUiOnRydWUsIldpZHRoIjowLjAsIkhlaWdodCI6MC4wLCJCb3JkZXJTdHlsZSI6bnVsbCwiUGFyZW50U3R5bGUiOm51bGx9LCJEYXRlRm9ybWF0Ijp7IiRpZCI6IjEz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iIsIkZvcm1hdCI6MCwiSXNWaXNpYmxlIjpmYWxzZSwiTGFzdEtub3duVmlzaWJpbGl0eVN0YXRlIjpmYWxzZX0sIklzVmlzaWJsZSI6dHJ1ZSwiUGFyZW50U3R5bGUiOm51bGx9LCJEZWZhdWx0VGFza1N0eWxlIjp7IiRpZCI6IjEzMzciLCJTaGFwZSI6MSwiU2hhcGVUaGlja25lc3MiOjAsIkR1cmF0aW9uRm9ybWF0IjowLCJJbmNsdWRlTm9uV29ya2luZ0RheXNJbkR1cmF0aW9uIjpmYWxzZSwiUGVyY2VudGFnZUNvbXBsZXRlU3R5bGUiOnsiJGlkIjoiMTMzOCIsIkZvbnRTZXR0aW5ncyI6eyIkaWQiOiIxMzM5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DQ3In0sIlBhZGRpbmciOnsiJHJlZiI6IjEwNDgifSwiQmFja2dyb3VuZCI6eyIkcmVmIjoiMTA0OSJ9LCJJc1Zpc2libGUiOnRydWUsIldpZHRoIjowLjAsIkhlaWdodCI6MC4wLCJCb3JkZXJTdHlsZSI6bnVsbCwiUGFyZW50U3R5bGUiOm51bGx9LCJEdXJhdGlvblN0eWxlIjp7IiRpZCI6IjEzNDAiLCJGb250U2V0dGluZ3MiOnsiJGlkIjoiMTM0MSIsIkZvbnRTaXplIjoxMCwiRm9udE5hbWUiOiJDYWxpYnJpIiwiSXNCb2xkIjpmYWxzZSwiSXNJdGFsaWMiOmZhbHNlLCJJc1VuZGVybGluZWQiOmZhbHNlLCJQYXJlbnRTdHlsZSI6bnVsbH0sIkF1dG9TaXplIjowLCJGb3JlZ3JvdW5kIjp7IiRpZCI6IjEzNDIiLCJDb2xvciI6eyIkaWQiOiIxMzQ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MDU2In0sIlBhZGRpbmciOnsiJHJlZiI6IjEwNTcifSwiQmFja2dyb3VuZCI6eyIkaWQiOiIxMzQ0IiwiQ29sb3IiOnsiJHJlZiI6IjEwNTAifX0sIklzVmlzaWJsZSI6dHJ1ZSwiV2lkdGgiOjAuMCwiSGVpZ2h0IjowLjAsIkJvcmRlclN0eWxlIjpudWxsLCJQYXJlbnRTdHlsZSI6bnVsbH0sIkhvcml6b250YWxDb25uZWN0b3JTdHlsZSI6eyIkaWQiOiIxMzQ1IiwiTGluZUNvbG9yIjp7IiRyZWYiOiIxMDYyIn0sIkxpbmVXZWlnaHQiOjEuMCwiTGluZVR5cGUiOjAsIlBhcmVudFN0eWxlIjpudWxsfSwiVmVydGljYWxDb25uZWN0b3JTdHlsZSI6eyIkaWQiOiIxMzQ2IiwiTGluZUNvbG9yIjp7IiRyZWYiOiIxMDY1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wODgifSwiUGFkZGluZyI6eyIkcmVmIjoiMTA4OSJ9LCJCYWNrZ3JvdW5kIjp7IiRpZCI6IjEzNjIiLCJDb2xvciI6eyIkcmVmIjoiMTA1MCJ9fSwiSXNWaXNpYmxlIjp0cnVlLCJXaWR0aCI6MC4wLCJIZWlnaHQiOjAuMCwiQm9yZGVyU3R5bGUiOm51bGwsIlBhcmVudFN0eWxlIjpudWxsfSwiRGF0ZUZvcm1hdCI6eyIkaWQiOiIxMz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QiLCJGb3JtYXQiOjAsIklzVmlzaWJsZSI6ZmFsc2UsIkxhc3RLbm93blZpc2liaWxpdHlTdGF0ZSI6ZmFsc2V9LCJJc1Zpc2libGUiOnRydWUsIlBhcmVudFN0eWxlIjpudWxsLCJfZXhwbGljaXRseVNldCI6eyIkaWQiOiIxMzY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4NCJ9LCJQYWRkaW5nIjp7IiRyZWYiOiI4NSJ9LCJCYWNrZ3JvdW5kIjp7IiRpZCI6IjE0MjkiLCJDb2xvciI6eyIkaWQiOiIxNDMwIiwiQSI6MCwiUiI6MjU1LCJHIjoyNTUsIkIiOjI1NX19LCJJc1Zpc2libGUiOmZhbHNlLCJXaWR0aCI6MC4wLCJIZWlnaHQiOjAuMCwiQm9yZGVyU3R5bGUiOnsiJGlkIjoiMTQzMSIsIkxpbmVDb2xvciI6bnVsbCwiTGluZVdlaWdodCI6MC4wLCJMaW5lVHlwZSI6MCwiUGFyZW50U3R5bGUiOm51bGx9LCJQYXJlbnRTdHlsZSI6bnVsbH0sIkRhdGVGb3JtYXQiOnsiJGlkIjoiMTQ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g0In0sIlBhZGRpbmciOnsiJHJlZiI6Ijg1In0sIkJhY2tncm91bmQiOnsiJGlkIjoiMTQ2MCIsIkNvbG9yIjp7IiRpZCI6IjE0NjEiLCJBIjowLCJSIjoyNTUsIkciOjI1NSwiQiI6MjU1fX0sIklzVmlzaWJsZSI6ZmFsc2UsIldpZHRoIjowLjAsIkhlaWdodCI6MC4wLCJCb3JkZXJTdHlsZSI6eyIkaWQiOiIxNDYyIiwiTGluZUNvbG9yIjpudWxsLCJMaW5lV2VpZ2h0IjowLjAsIkxpbmVUeXBlIjowLCJQYXJlbnRTdHlsZSI6bnVsbH0sIlBhcmVudFN0eWxlIjpudWxsfSwiRGF0ZUZvcm1hdCI6eyIkaWQiOiIxN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4NCJ9LCJQYWRkaW5nIjp7IiRyZWYiOiI4NSJ9LCJCYWNrZ3JvdW5kIjp7IiRpZCI6IjE0OTAiLCJDb2xvciI6eyIkaWQiOiIxNDkxIiwiQSI6MCwiUiI6MjU1LCJHIjoyNTUsIkIiOjI1NX19LCJJc1Zpc2libGUiOmZhbHNlLCJXaWR0aCI6MC4wLCJIZWlnaHQiOjAuMCwiQm9yZGVyU3R5bGUiOnsiJGlkIjoiMTQ5MiIsIkxpbmVDb2xvciI6bnVsbCwiTGluZVdlaWdodCI6MC4wLCJMaW5lVHlwZSI6MCwiUGFyZW50U3R5bGUiOm51bGx9LCJQYXJlbnRTdHlsZSI6bnVsbH0sIkRhdGVGb3JtYXQiOnsiJGlkIjoiMTQ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E0OTgiLCJJbXBhT3B0aW9ucyI6eyIkaWQiOiIxNDk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UwMC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129"/>
  <p:tag name="OTLLEFTENDCAPSMARGINLEFT" val="69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w"/>
  <p:tag name="OTLTIMEBANDSCALETYPE" val="Weeks"/>
  <p:tag name="OTLTIMEBANDSHAPETYPE" val="RoundedCornerRectangleTimeband"/>
  <p:tag name="OTLTIMEBANDSHAPEHEIGHT" val="20"/>
  <p:tag name="OTLTIMEBANDSHAPEPADDINGLEFT" val="0"/>
  <p:tag name="OTLTIMEBANDENDDATE" val="2022-06-17T00:46:00.0000000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2-05-28T23:59:00.0000000"/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raining for BC team"/>
  <p:tag name="OTLPOSITIONONTASK" val="Above"/>
  <p:tag name="OTLRELATEDTASKID" val="00000000-0000-0000-0000-000000000000"/>
  <p:tag name="OTLWEEKNUMBERINGFORMAT" val="WNFormat1"/>
  <p:tag name="OTLWEEKNUMBERINGISVISIBLE" val="False"/>
  <p:tag name="OTLDATE" val="2022-05-18T23:59:00.0000000"/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rientation exercises"/>
  <p:tag name="OTLPOSITIONONTASK" val="Above"/>
  <p:tag name="OTLRELATEDTASKID" val="00000000-0000-0000-0000-000000000000"/>
  <p:tag name="OTLWEEKNUMBERINGFORMAT" val="WNFormat1"/>
  <p:tag name="OTLWEEKNUMBERINGISVISIBLE" val="False"/>
  <p:tag name="OTLDATE" val="2022-05-23T23:59:00.0000000"/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3-24T00:00:00.0000000Z"/>
  <p:tag name="OTLENDDATE" val="2022-03-31T23:59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2T23:59:00.0000000Z"/>
  <p:tag name="OTLENDDATE" val="2022-04-08T23:59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2-04-10T00:00:00.0000000Z"/>
  <p:tag name="OTLENDDATE" val="2022-04-16T00:39:00.0000000Z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2-04-17T00:00:00.0000000Z"/>
  <p:tag name="OTLENDDATE" val="2022-04-22T00:34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1T00:00:00.0000000Z"/>
  <p:tag name="OTLENDDATE" val="2022-04-15T00:24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16T00:00:00.0000000Z"/>
  <p:tag name="OTLENDDATE" val="2022-04-20T00:34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23T00:00:00.0000000Z"/>
  <p:tag name="OTLENDDATE" val="2022-04-29T23:0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5-01T00:00:00.0000000Z"/>
  <p:tag name="OTLENDDATE" val="2022-05-10T14:46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8T00:00:00.0000000Z"/>
  <p:tag name="OTLENDDATE" val="2022-04-19T22:48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9T00:00:00.0000000Z"/>
  <p:tag name="OTLENDDATE" val="2022-04-15T00:46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09T00:00:00.0000000Z"/>
  <p:tag name="OTLENDDATE" val="2022-04-17T00:07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22T00:00:00.0000000Z"/>
  <p:tag name="OTLENDDATE" val="2022-05-03T00:35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2-05-02T21:14:00.0000000Z"/>
  <p:tag name="OTLENDDATE" val="2022-05-17T21:0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5-30T23:59:00.0000000Z"/>
  <p:tag name="OTLENDDATE" val="2022-06-09T23:2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6-11T00:00:00.0000000Z"/>
  <p:tag name="OTLENDDATE" val="2022-06-17T00:46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5-18T00:00:00.0000000Z"/>
  <p:tag name="OTLENDDATE" val="2022-05-26T23:30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9T00:00:00.0000000Z"/>
  <p:tag name="OTLENDDATE" val="2022-05-15T23:41:00.0000000Z"/>
  <p:tag name="OTLDURATIONFORMAT" val="day"/>
  <p:tag name="OTLSPACING" val="3"/>
  <p:tag name="OTLSHAPETHICKNESSTYPE" val="Thin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nd out questionnaire"/>
  <p:tag name="OTLPOSITIONONTASK" val="None"/>
  <p:tag name="OTLRELATEDTASKID" val="00000000-0000-0000-0000-000000000000"/>
  <p:tag name="OTLWEEKNUMBERINGFORMAT" val="WNFormat1"/>
  <p:tag name="OTLWEEKNUMBERINGISVISIBLE" val="False"/>
  <p:tag name="OTLDATE" val="2022-04-01T23:59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structional Workshop"/>
  <p:tag name="OTLDATE" val="2022-03-30T23:59:00.0000000"/>
  <p:tag name="OTLPOSITIONONTASK" val="None"/>
  <p:tag name="OTLRELATEDTASKID" val="00000000-0000-0000-0000-00000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agement approval"/>
  <p:tag name="OTLDATE" val="2022-04-28T23:59:00.0000000"/>
  <p:tag name="OTLPOSITIONONTASK" val="None"/>
  <p:tag name="OTLRELATEDTASKID" val="00000000-0000-0000-0000-00000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nagement approval"/>
  <p:tag name="OTLDATE" val="2022-05-02T23:59:00.0000000"/>
  <p:tag name="OTLPOSITIONONTASK" val="None"/>
  <p:tag name="OTLRELATEDTASKID" val="00000000-0000-0000-0000-000000000000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54</Words>
  <Application>Microsoft Office PowerPoint</Application>
  <PresentationFormat>Widescreen</PresentationFormat>
  <Paragraphs>10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4-15T11:10:15Z</dcterms:created>
  <dcterms:modified xsi:type="dcterms:W3CDTF">2022-06-23T12:25:45Z</dcterms:modified>
</cp:coreProperties>
</file>